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bookViews>
    <workbookView xWindow="240" yWindow="105" windowWidth="15600" windowHeight="9975" tabRatio="850"/>
  </bookViews>
  <sheets>
    <sheet name="Transitional own funds" sheetId="14" r:id="rId1"/>
    <sheet name="Overview of RWAs" sheetId="13" r:id="rId2"/>
  </sheets>
  <externalReferences>
    <externalReference r:id="rId3"/>
    <externalReference r:id="rId4"/>
    <externalReference r:id="rId5"/>
    <externalReference r:id="rId6"/>
    <externalReference r:id="rId7"/>
  </externalReferences>
  <definedNames>
    <definedName name="_____sid1">[1]FIB!#REF!</definedName>
    <definedName name="_____sid10">[1]FIB!#REF!</definedName>
    <definedName name="____sid1">[1]FIB!#REF!</definedName>
    <definedName name="____sid10">[1]FIB!#REF!</definedName>
    <definedName name="___sid1">[1]FIB!#REF!</definedName>
    <definedName name="___sid10">[1]FIB!#REF!</definedName>
    <definedName name="__sid1">[1]FIB!#REF!</definedName>
    <definedName name="__sid10">[1]FIB!#REF!</definedName>
    <definedName name="_sid1">[1]FIB!#REF!</definedName>
    <definedName name="_sid10">[1]FIB!#REF!</definedName>
    <definedName name="csAllowDetailBudgeting">1</definedName>
    <definedName name="csAllowLocalConsolidation">1</definedName>
    <definedName name="csAppName">"FlFcBkFmGhGaFj@bAeDmE`CoA`DbAk"</definedName>
    <definedName name="csDesignMode">1</definedName>
    <definedName name="csDetailBudgetingURL">"FlFcBkFmGhGaD`@c@eEj@oFdFhEdAlAgEoE`@iAeBmBdDkAn@fDoEgFdCcEeEfAaEkEhAjEcBgFoDi@d@aAeGdCkCgAjCkA`DmEbAnDnAnBdDjEaCbDkDaGf@cDb@m@dD`EiE`GhClBeDoAb@eDcEkBl"</definedName>
    <definedName name="csKeepAlive">5</definedName>
    <definedName name="csLocalConsolidationOnSubmit">1</definedName>
    <definedName name="csRefreshOnOpen">1</definedName>
    <definedName name="csRefreshOnRotate">1</definedName>
    <definedName name="csRel_RP_Xchange_Ultimo_ALL1_Dim01">"="</definedName>
    <definedName name="csRel_RP_Xchange_Ultimo_ALL1_Dim03">"="</definedName>
    <definedName name="csRel_RP_XS_Act_BS_SP_Intang_CA_Dim01">"="</definedName>
    <definedName name="csRel_RP_XS_Act_BS_SP_Intang_CA_Dim02">"="</definedName>
    <definedName name="csRel_RP_XS_Act_BS_SP_Totrisk_CA_Dim01">"="</definedName>
    <definedName name="csRel_RP_XS_Act_BS_SP_Totrisk_CA_Dim02">"="</definedName>
    <definedName name="currency">[2]Rates!$G$27:$H$44</definedName>
    <definedName name="CurrPrefix">[3]Input!$N$1</definedName>
    <definedName name="förltot">[4]Avstämning!$D$48</definedName>
    <definedName name="Input1">#REF!</definedName>
    <definedName name="Input1Area">[3]Input!$B$2:$D$18</definedName>
    <definedName name="lmc" localSheetId="0">#REF!</definedName>
    <definedName name="lmc">#REF!</definedName>
    <definedName name="Objects">#REF!</definedName>
    <definedName name="period">[2]Rates!$B$26:$C$88:'[2]Rates'!$D$107</definedName>
    <definedName name="rub" localSheetId="0">#REF!</definedName>
    <definedName name="rub">#REF!</definedName>
    <definedName name="ServerNamn">#REF!</definedName>
    <definedName name="totalt">[5]Avstämning!$D$48</definedName>
    <definedName name="totsek">[5]Avstämning!$D$47</definedName>
    <definedName name="totuval">[5]Avstämning!$D$46</definedName>
    <definedName name="ultimo">#REF!</definedName>
    <definedName name="ValueColNr">[3]Input!$H$1</definedName>
    <definedName name="ValueColNrStr">[3]Input!$H$2</definedName>
  </definedNames>
  <calcPr calcId="145621"/>
</workbook>
</file>

<file path=xl/sharedStrings.xml><?xml version="1.0" encoding="utf-8"?>
<sst xmlns="http://schemas.openxmlformats.org/spreadsheetml/2006/main" count="184" uniqueCount="169">
  <si>
    <t>31 Dec 2016</t>
  </si>
  <si>
    <t>SEK m</t>
  </si>
  <si>
    <t>Risk exposure amount</t>
  </si>
  <si>
    <t>Disclosure according to Article 5 in EU Regulation No 1423/2013</t>
  </si>
  <si>
    <t>Common Equity Tier 1 (CET1) capital: instruments and reserves</t>
  </si>
  <si>
    <t>Capital instruments and the related share premium accounts</t>
  </si>
  <si>
    <t xml:space="preserve">   of which: share capital</t>
  </si>
  <si>
    <t>Retained earnings</t>
  </si>
  <si>
    <t>Accumulated other comprehensive income (and other reserves, to include unrealised gains and losses under the applicable accounting standards)</t>
  </si>
  <si>
    <t>3a</t>
  </si>
  <si>
    <t>Funds for general banking risk</t>
  </si>
  <si>
    <t>Amount of qualifying items referred to in Article 484 (3) and the related share premium accounts subject to phase out from CET1</t>
  </si>
  <si>
    <t>Minority Interests (amount allowed in consolidated CET1)</t>
  </si>
  <si>
    <t>5a</t>
  </si>
  <si>
    <t>Independently reviewed interim profits net of any foreseeable charge or dividend</t>
  </si>
  <si>
    <t>Common Equity Tier 1 (CET1) capital before regulatory adjustments</t>
  </si>
  <si>
    <t>Common Equity Tier 1 (CET1) capital: regulatory adjustements</t>
  </si>
  <si>
    <t>Additional value adjustments (negative amount)</t>
  </si>
  <si>
    <t>Intangible assets (net of related tax liability) (negative amount)</t>
  </si>
  <si>
    <t>Empty Set in the EU</t>
  </si>
  <si>
    <t>Deferred tax assets that rely on future profitability excluding those arising from temporary differences (net of related tax liability where the conditions in Article 38 (3) are met) (negative amount)</t>
  </si>
  <si>
    <t>Fair value reserves related to gains or losses on cash flow hedges</t>
  </si>
  <si>
    <t>Negative amounts resulting from the calculation of expected loss amounts</t>
  </si>
  <si>
    <t>Any increase in equity that results from securitised assets (negative amount)</t>
  </si>
  <si>
    <t>Gains or losses on liabilities valued at fair value resulting from changes in own credit standing</t>
  </si>
  <si>
    <t>Defined-benefit pension fund assets (negative amount)</t>
  </si>
  <si>
    <t>Direct and indirect holdings by an institution of own CET1 instruments (negative amount)</t>
  </si>
  <si>
    <t>Holdings of the CET1 instruments of financial sector entities where those entities have reciprocal cross holdings with the institution designed to inflate artificially the own funds of the institution (negative amount)</t>
  </si>
  <si>
    <t>Direct and indirect holdings by the institution of the CET1 instruments of financial sector entities where the institution does not have a significant investment in those entities (amount above the 10% threshold and net of eligible short positions) (negative amount)</t>
  </si>
  <si>
    <t>Direct, indirect and synthetic holdings by the institution of the CET1 instruments of financial sector entities where the institution has a significant investment in those entities (amount above 10% threshold and net of eligible short positions) (negative amount)</t>
  </si>
  <si>
    <t>20a</t>
  </si>
  <si>
    <t>Exposure amount of the following items which qualify for a RW of 1250%, where the institution opts for the deduction alternative</t>
  </si>
  <si>
    <t>20b</t>
  </si>
  <si>
    <t xml:space="preserve">   of which qualifiying holdings outside the financial sector (negative amount)</t>
  </si>
  <si>
    <t>20c</t>
  </si>
  <si>
    <t xml:space="preserve">   of which: securitisation positions (negative amount)</t>
  </si>
  <si>
    <t>20d</t>
  </si>
  <si>
    <t xml:space="preserve">   of which: free deliveries (negative amount)</t>
  </si>
  <si>
    <t>Deferred tax assets arising from temporary differences (amount above 10% threshold, net of related tax liability where the conditions in 38 (3) are met) (negative amount)</t>
  </si>
  <si>
    <t>Amount exceeding the 17,65% threshold (negative amount)</t>
  </si>
  <si>
    <t xml:space="preserve">   of which: direct and indirect holdings by the institution of the CET1 instruments of financial sector entities where the institution has a significant investment in those entities</t>
  </si>
  <si>
    <t xml:space="preserve">   of which: deferred tax assets arising from temporary differences</t>
  </si>
  <si>
    <t>25a</t>
  </si>
  <si>
    <t>Losses for the current financial year (negative amount)</t>
  </si>
  <si>
    <t>25b</t>
  </si>
  <si>
    <t>Foreseeable tax charges relating to CET1 items (negative amount)</t>
  </si>
  <si>
    <t>Regulatory adjustments applied to Common Equity Tier 1 in respect of amounts subject to pre-CRR treatent</t>
  </si>
  <si>
    <t>26a</t>
  </si>
  <si>
    <t>Regulatory adjustments relating to unrealised gains and losses pursuant to Article 467 and 468</t>
  </si>
  <si>
    <t>Of which : … filter for unrealised gain 1</t>
  </si>
  <si>
    <t>Of which : … filter for unrealised gain 2</t>
  </si>
  <si>
    <t>26b</t>
  </si>
  <si>
    <t>Amount to be deducted from or added to Common Equity Tier 1 capital with regard to additionnal filters and deductions required pre CRR</t>
  </si>
  <si>
    <t>Qualifying AT1 deductions that exceed the AT1 capital of the institution (negative amount)</t>
  </si>
  <si>
    <t>Total regulatory adjustments to Common equity Tier 1 (CET1)</t>
  </si>
  <si>
    <t>Common Equity Tier 1 (CET1) capital</t>
  </si>
  <si>
    <t>Additional Tier 1 (AT1) capital: instruments</t>
  </si>
  <si>
    <t xml:space="preserve">   of which: classified as equity under applicable accounting standards</t>
  </si>
  <si>
    <t xml:space="preserve">   of which: classified as liabilities under applicable accounting standards</t>
  </si>
  <si>
    <t>Amount of qualifying items referred to in Article 484 (4) and the related share premium accounts subject to phase out from AT1</t>
  </si>
  <si>
    <t>Public sector capital injections grandfathered until 1 january 2018</t>
  </si>
  <si>
    <t>Qualifying Tier 1 capital included in consolidated AT1 capital (including minority interests not included in row 5) issued by subsidiaries and held by third parties</t>
  </si>
  <si>
    <t xml:space="preserve">   of which: instruments issued by subsidiaries subject to phase out</t>
  </si>
  <si>
    <t>Additional Tier 1 (AT1) capital before regulatory adjustments</t>
  </si>
  <si>
    <t>Additional Tier 1 (AT1) capital: regulatory adjustments</t>
  </si>
  <si>
    <t>Direct and indirect holdings by an institution of own AT1 Instruments (negative amount)</t>
  </si>
  <si>
    <t>Holdings of the AT1 instruments of financial sector entities where those entities have reciprocal cross holdings with the institution designed to inflate artificially the own funds of the institution (negative amount)</t>
  </si>
  <si>
    <t>Direct and indirect holdings of the AT1 instruments of financial sector entities where the institution does not have a significant investment in those entities (amount above the 10% threshold and net of eligible short positions) (negative amount)</t>
  </si>
  <si>
    <t>Direct and indirect holdings by the institution of the AT1 instruments of financial sector entities where the institution has a significant investment in those entities (amount above the 10% threshold net of eligible short positions) (negative amount)</t>
  </si>
  <si>
    <t>Regulatory adjustments applied to Additional Tier 1 capital in respect of amounts subject to pre-CRR treatment and transitional treatments subject to phase-out as prescribed in Regulation (EU) No 585/2013 (ie. CRR residual amounts)</t>
  </si>
  <si>
    <t>41a</t>
  </si>
  <si>
    <t>Residual amounts deducted from Additional Tier 1 capital with regard to deduction from Common Equity Tier 1 capital during the transitional period pursuant to article 472 of Regulation (EU) No 575/2013</t>
  </si>
  <si>
    <t>41b</t>
  </si>
  <si>
    <t>Residual amounts deducted from Additional Tier 1 capital with regard to deduction from Tier 2 capital during the transitional period pursuant to article 475 of Regulation (EU) No 575/2013</t>
  </si>
  <si>
    <t>41c</t>
  </si>
  <si>
    <t>Amounts to be deducted from added to Additional Tier 1 capital with regard to additional filters and deductions required pre- CRR</t>
  </si>
  <si>
    <t>Qualifying T2 deductions that exceed the T2 capital of the institution (negative amount)</t>
  </si>
  <si>
    <t>Total regulatory adjustments to Additional Tier 1 (AT1) capital</t>
  </si>
  <si>
    <t>Additional Tier 1 (AT1) capital</t>
  </si>
  <si>
    <t>Tier 1 capital (T1 = CET1 + AT1)</t>
  </si>
  <si>
    <t>Tier 2 (T2) capital: instruments and provisions</t>
  </si>
  <si>
    <t>Amount of qualifying items referred to in Article 484 (5) and the related share premium accounts subject to phase out from T2</t>
  </si>
  <si>
    <t>Public sector capital injections grandfathered until 1 January 2018</t>
  </si>
  <si>
    <t>Qualifying own funds instruments included in consolidated T2 capital (including minority interests and AT1 instruments not included in rows 5 or 34) issued by subsidiaries and held by third parties</t>
  </si>
  <si>
    <t>of which: instruments issued by subsidiaries subject to phase out</t>
  </si>
  <si>
    <t>Credit risk adjustments</t>
  </si>
  <si>
    <t>Tier 2 (T2) capital before regulatory adjustments</t>
  </si>
  <si>
    <t>Tier 2 (T2) capital: regulatory adjustments</t>
  </si>
  <si>
    <t>Direct and indirect holdings by an institution of own T2 instruments and subordinated loans (negative amount)</t>
  </si>
  <si>
    <t>Holdings of the T2 instruments and subordinated loans of financial sector entities where those entities have reciprocal cross holdings with the institution designed to inflate artificially the own funds of the institution (negative amount)</t>
  </si>
  <si>
    <t>Direct and indirect holdings of the T2 instruments and subordinated loans of financial sector entities where the institution does not have a significant investment in those entities (amount above 10% threshold and net of eligible short positions) (negative amount)</t>
  </si>
  <si>
    <t>54a</t>
  </si>
  <si>
    <t>of which new holdings not subject to transitional arrangements</t>
  </si>
  <si>
    <t>54b</t>
  </si>
  <si>
    <t>of which holdings existing befor 1 January 2013 and subject to transitional arrangements</t>
  </si>
  <si>
    <t>Direct and indirect holdings by the institution of the T2 instruments and subordinated loans of financial sector entities where the institution has a significant investment in those entities (net of eligible short positions) (negative amount)</t>
  </si>
  <si>
    <t>Regulatory adjustments applied to tier 2 in respect of amounts subject to pre-CRR treatment and transitional treatments subject to phase out as prescribed in Regulation (EU) No 575/2013 (i.e. CRR residual amounts)</t>
  </si>
  <si>
    <t>56a</t>
  </si>
  <si>
    <t>Residual amounts deducted from Tier 2 capital with regard to deduction from Common Equity Tier 1 capital during the transitional period pursuant to article 472 of Regulation (EU) No 575/2013</t>
  </si>
  <si>
    <t>56b</t>
  </si>
  <si>
    <t>Residual amounts deducted from Tier 2 capital with regard to deduction from Additional Tier 1 capital during the transitional period pursuant to article 475 of Regulation (EU) No 575/2013</t>
  </si>
  <si>
    <t>56c</t>
  </si>
  <si>
    <t>Amounts to be deducted from or added to Tier 2 capital with regard to additional filters and deductions required pre- CRR</t>
  </si>
  <si>
    <t>Total regulatory adjustments to Tier 2 (T2) capital</t>
  </si>
  <si>
    <t>Tier 2 (T2) capital</t>
  </si>
  <si>
    <t>Total capital (TC = T1 + T2)</t>
  </si>
  <si>
    <t>59a</t>
  </si>
  <si>
    <t>Risk weighted assets in respect of amounts subject to pre-CRR treatment and transitional treatments subject to phase out as prescribed in Regulation (EU) No 575/2013 (i.e. CRR residual amount)</t>
  </si>
  <si>
    <t>of which:… items not deducted from CET1 (Regulation (EU) No 575/2013 residual amounts) (items to be detailed line by line, e.g. Deferred tax assets that rely on future profitability net of related tax liability, indirect holdings of own CET1, etc)</t>
  </si>
  <si>
    <t>of which:…items not deducted from AT1 items (Regulation (EU) No 575/2013 residual amounts) (items to be detailed line by line, e.g. Reciprocal cross holdings in T2 instruments, direct holdings of non-significant investments in the capital of other financial sector entities, etc.)</t>
  </si>
  <si>
    <t>Items not deducted from T2 items (Regulation (EU) No 575/2013 residual amounts) (items to be detailed line by line, e.g. Indirect holdings of own T2 instruments, indirect holdings of non-significant investments in the capital of other financial sector entities, indirect holdings of significant investments in the capital of other financial sector entities etc)</t>
  </si>
  <si>
    <t>Total risk weighted assets</t>
  </si>
  <si>
    <t>Capital ratios and buffers</t>
  </si>
  <si>
    <t>Common Equity Tier 1 (as a percentage of risk exposure amount)</t>
  </si>
  <si>
    <t>Tier 1 (as a percentage of risk exposure amount)</t>
  </si>
  <si>
    <t>Total capital (as a percentage of risk exposure amount)</t>
  </si>
  <si>
    <t>Institution specific buffer requirement (CET1 requirement in accordance with article 92 (1) (a) plus capital conservation and countercyclical buffer requirements, plus systemic risk buffer, plus the systemically important institution buffer (G-SII or O-SII buffer), expressed as a percentage of risk exposure amount)</t>
  </si>
  <si>
    <t xml:space="preserve"> of which : capital conservation buffer requirements</t>
  </si>
  <si>
    <t xml:space="preserve"> of which : countercyclical buffer requirements</t>
  </si>
  <si>
    <t xml:space="preserve"> of which : systemic risk buffer requirements</t>
  </si>
  <si>
    <t>67a</t>
  </si>
  <si>
    <t xml:space="preserve"> of which : Global Systemically Important Institutions (G-SII) or Other Systemically Important Institutions (O-SII)  buffer</t>
  </si>
  <si>
    <t>Common Equity Tier 1 available to meet buffers (as a percentage of risk exposure amount)</t>
  </si>
  <si>
    <t xml:space="preserve"> (Non relevant in EU regulation)</t>
  </si>
  <si>
    <t>Amounts below the thresholds for deduction (before risk weighting)</t>
  </si>
  <si>
    <t>Direct and indirect holdings of the capital of financial sector entities where the institution does not have a significant investment in those entities (amount below 10% threshold and net of eligible short positions)</t>
  </si>
  <si>
    <t>Direct and indirect holdings by the institution of the CET 1 instruments of financial sector entities where the institution has a significant investment in those entities (amount below 10% threshold and net of eligible short positions)</t>
  </si>
  <si>
    <t>Deferred tax assets arising from temporary differences (amount below 10% threshold, net of related tax liability where the conditions in Article 38 (3) are met)</t>
  </si>
  <si>
    <t>Applicable caps on the inclusion of provisions in Tier 2</t>
  </si>
  <si>
    <t>Credit risk adjustments included in T2 in respect of exposures subject to standardized approach (prior to the application of the cap)</t>
  </si>
  <si>
    <t>Cap on inclusion of credit risk adjustments in T2 under standardised approach</t>
  </si>
  <si>
    <t>Credit risk adjustments included in T2 in respect of exposures subject to internal ratings-based approach (prior to the application of the cap)</t>
  </si>
  <si>
    <t>Cap for inclusion of credit risk adjustments in T2 under internal ratings-based approach</t>
  </si>
  <si>
    <t xml:space="preserve">Capital instruments subject to phase-out arrangements </t>
  </si>
  <si>
    <t>(only applicable between 1 Jan 2013 and 1 Jan 2022)</t>
  </si>
  <si>
    <t>Current cap on CET1 instruments subject to phase out arrangements</t>
  </si>
  <si>
    <t>Amount excluded from CET1 due to cap (excess over cap after redemptions and maturities)</t>
  </si>
  <si>
    <t>Current cap on AT1 instruments subject to phase out arrangements</t>
  </si>
  <si>
    <t>Amount excluded from AT1 due to cap (excess over cap after redemptions and maturities)</t>
  </si>
  <si>
    <t>Current cap on T2 instruments subject to phase out arrangements</t>
  </si>
  <si>
    <t>Amount excluded from T2 due to cap (excess over cap after redemptions and maturities)</t>
  </si>
  <si>
    <t>Breakdown by risk type</t>
  </si>
  <si>
    <t>Minimum own funds requirements</t>
  </si>
  <si>
    <t xml:space="preserve"> Credit risk (excluding counterparty credit risk)</t>
  </si>
  <si>
    <t xml:space="preserve">     of which standardised approach (SA)</t>
  </si>
  <si>
    <t xml:space="preserve">     of which foundation internal rating-based (F-IRB) approach</t>
  </si>
  <si>
    <t xml:space="preserve">     of which advanced internal rating-based (A-IRB) approach</t>
  </si>
  <si>
    <t xml:space="preserve"> Counterparty credit risk</t>
  </si>
  <si>
    <t xml:space="preserve">     of which mark to market</t>
  </si>
  <si>
    <t xml:space="preserve">     of which internal model method (IMM)</t>
  </si>
  <si>
    <t xml:space="preserve">     of which risk exposure amount for contributions to the default fund of a CCP</t>
  </si>
  <si>
    <t xml:space="preserve">     of which CVA</t>
  </si>
  <si>
    <t xml:space="preserve"> Settlement risk</t>
  </si>
  <si>
    <t xml:space="preserve"> Securitisation exposures in banking book</t>
  </si>
  <si>
    <t xml:space="preserve"> Market risk</t>
  </si>
  <si>
    <t xml:space="preserve"> Operational risk</t>
  </si>
  <si>
    <t>Amounts below the thresholds for deduction (subject to 250% risk weight)</t>
  </si>
  <si>
    <t>Additional risk exposure amount due to Article 3 CRR</t>
  </si>
  <si>
    <t xml:space="preserve"> Total</t>
  </si>
  <si>
    <t>31 Mar 2017</t>
  </si>
  <si>
    <t>Transitional own funds for SEB consolidated situation</t>
  </si>
  <si>
    <t xml:space="preserve"> Overview of RWAs</t>
  </si>
  <si>
    <t>30 Sep 2017</t>
  </si>
  <si>
    <t>30 Jun 2017</t>
  </si>
  <si>
    <t>SEB Group, Pillar 3 disclosure Q3 2017</t>
  </si>
  <si>
    <t xml:space="preserve">     of which IRB approach</t>
  </si>
  <si>
    <t xml:space="preserve">     of which standardised approach</t>
  </si>
  <si>
    <t xml:space="preserve">     of which internal model approach (IMA)</t>
  </si>
  <si>
    <t xml:space="preserve">     of which advanced measurement approach</t>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41" formatCode="_-* #,##0\ _k_r_-;\-* #,##0\ _k_r_-;_-* &quot;-&quot;\ _k_r_-;_-@_-"/>
    <numFmt numFmtId="43" formatCode="_-* #,##0.00\ _k_r_-;\-* #,##0.00\ _k_r_-;_-* &quot;-&quot;??\ _k_r_-;_-@_-"/>
    <numFmt numFmtId="164" formatCode="0.0%"/>
    <numFmt numFmtId="165" formatCode="_-* #,##0.00_-;\-* #,##0.00_-;_-* &quot;-&quot;??_-;_-@_-"/>
    <numFmt numFmtId="166" formatCode="_-* #,##0.00\ _€_-;\-* #,##0.00\ _€_-;_-* &quot;-&quot;??\ _€_-;_-@_-"/>
    <numFmt numFmtId="167" formatCode="_-* #,##0.00\ [$€-1]_-;\-* #,##0.00\ [$€-1]_-;_-* &quot;-&quot;??\ [$€-1]_-"/>
    <numFmt numFmtId="168" formatCode="_-* #,##0\ _€_-;\-* #,##0\ _€_-;_-* &quot;-&quot;\ _€_-;_-@_-"/>
    <numFmt numFmtId="169" formatCode="_-* #,##0\ &quot;€&quot;_-;\-* #,##0\ &quot;€&quot;_-;_-* &quot;-&quot;\ &quot;€&quot;_-;_-@_-"/>
    <numFmt numFmtId="170" formatCode="_-* #,##0.00\ &quot;€&quot;_-;\-* #,##0.00\ &quot;€&quot;_-;_-* &quot;-&quot;??\ &quot;€&quot;_-;_-@_-"/>
    <numFmt numFmtId="171" formatCode="[$-409]dd/mmm/yy;@"/>
    <numFmt numFmtId="172" formatCode="_(&quot;$&quot;* #,##0_);_(&quot;$&quot;* \(#,##0\);_(&quot;$&quot;* &quot;-&quot;_);_(@_)"/>
    <numFmt numFmtId="173" formatCode="##&quot; &quot;###&quot; &quot;###&quot; &quot;###&quot; &quot;##0.00"/>
    <numFmt numFmtId="174" formatCode="####&quot; &quot;##&quot; &quot;#&quot; &quot;###0"/>
    <numFmt numFmtId="175" formatCode="000000&quot;-&quot;0000"/>
    <numFmt numFmtId="176" formatCode="0000"/>
    <numFmt numFmtId="177" formatCode="00000"/>
  </numFmts>
  <fonts count="87">
    <font>
      <sz val="10"/>
      <color theme="1"/>
      <name val="Arial"/>
      <family val="2"/>
      <scheme val="minor"/>
    </font>
    <font>
      <sz val="10"/>
      <color theme="1"/>
      <name val="SEB Basic"/>
      <family val="2"/>
    </font>
    <font>
      <sz val="10"/>
      <color theme="1"/>
      <name val="Arial"/>
      <family val="2"/>
      <scheme val="minor"/>
    </font>
    <font>
      <sz val="10"/>
      <name val="Arial"/>
      <family val="2"/>
    </font>
    <font>
      <sz val="10"/>
      <name val="Arial"/>
      <family val="2"/>
      <charset val="186"/>
    </font>
    <font>
      <b/>
      <sz val="10"/>
      <name val="SEB SansSerif"/>
    </font>
    <font>
      <sz val="10"/>
      <name val="SEB SansSerif"/>
    </font>
    <font>
      <sz val="10"/>
      <color theme="1"/>
      <name val="SEB SansSerif"/>
    </font>
    <font>
      <b/>
      <sz val="10"/>
      <color theme="1"/>
      <name val="SEB SansSerif"/>
    </font>
    <font>
      <i/>
      <sz val="10"/>
      <name val="SEB SansSerif"/>
    </font>
    <font>
      <sz val="10"/>
      <name val="MS Sans Serif"/>
      <family val="2"/>
    </font>
    <font>
      <sz val="9"/>
      <name val="Arial"/>
      <family val="2"/>
    </font>
    <font>
      <sz val="11"/>
      <color indexed="8"/>
      <name val="Palatino"/>
      <family val="2"/>
    </font>
    <font>
      <sz val="8"/>
      <color indexed="8"/>
      <name val="Tahoma"/>
      <family val="2"/>
    </font>
    <font>
      <sz val="11"/>
      <color indexed="8"/>
      <name val="Calibri"/>
      <family val="2"/>
    </font>
    <font>
      <sz val="11"/>
      <color indexed="9"/>
      <name val="Palatino"/>
      <family val="2"/>
    </font>
    <font>
      <sz val="8"/>
      <color indexed="9"/>
      <name val="Tahoma"/>
      <family val="2"/>
    </font>
    <font>
      <sz val="11"/>
      <color indexed="9"/>
      <name val="Calibri"/>
      <family val="2"/>
    </font>
    <font>
      <sz val="11"/>
      <color indexed="20"/>
      <name val="Palatino"/>
      <family val="2"/>
    </font>
    <font>
      <sz val="8"/>
      <color indexed="20"/>
      <name val="Tahoma"/>
      <family val="2"/>
    </font>
    <font>
      <b/>
      <sz val="11"/>
      <color indexed="52"/>
      <name val="Calibri"/>
      <family val="2"/>
    </font>
    <font>
      <b/>
      <sz val="11"/>
      <color indexed="10"/>
      <name val="Calibri"/>
      <family val="2"/>
    </font>
    <font>
      <sz val="11"/>
      <color indexed="17"/>
      <name val="Calibri"/>
      <family val="2"/>
    </font>
    <font>
      <b/>
      <sz val="11"/>
      <color indexed="10"/>
      <name val="Palatino"/>
      <family val="2"/>
    </font>
    <font>
      <b/>
      <sz val="8"/>
      <color indexed="52"/>
      <name val="Tahoma"/>
      <family val="2"/>
    </font>
    <font>
      <b/>
      <sz val="11"/>
      <color indexed="9"/>
      <name val="Palatino"/>
      <family val="2"/>
    </font>
    <font>
      <b/>
      <sz val="8"/>
      <color indexed="9"/>
      <name val="Tahoma"/>
      <family val="2"/>
    </font>
    <font>
      <b/>
      <sz val="10"/>
      <color indexed="9"/>
      <name val="Arial"/>
      <family val="2"/>
    </font>
    <font>
      <sz val="10"/>
      <name val="Times New Roman"/>
      <family val="1"/>
    </font>
    <font>
      <sz val="11"/>
      <color rgb="FF000000"/>
      <name val="Calibri"/>
      <family val="2"/>
    </font>
    <font>
      <sz val="11"/>
      <color indexed="20"/>
      <name val="Calibri"/>
      <family val="2"/>
    </font>
    <font>
      <i/>
      <sz val="11"/>
      <color indexed="23"/>
      <name val="Palatino"/>
      <family val="2"/>
    </font>
    <font>
      <i/>
      <sz val="8"/>
      <color indexed="23"/>
      <name val="Tahoma"/>
      <family val="2"/>
    </font>
    <font>
      <i/>
      <sz val="11"/>
      <color indexed="23"/>
      <name val="Calibri"/>
      <family val="2"/>
    </font>
    <font>
      <sz val="11"/>
      <color indexed="17"/>
      <name val="Palatino"/>
      <family val="2"/>
    </font>
    <font>
      <sz val="8"/>
      <color indexed="17"/>
      <name val="Tahoma"/>
      <family val="2"/>
    </font>
    <font>
      <b/>
      <sz val="9"/>
      <color indexed="53"/>
      <name val="Tahoma"/>
      <family val="2"/>
    </font>
    <font>
      <b/>
      <sz val="15"/>
      <color indexed="62"/>
      <name val="Palatino"/>
      <family val="2"/>
    </font>
    <font>
      <b/>
      <sz val="15"/>
      <color indexed="56"/>
      <name val="Tahoma"/>
      <family val="2"/>
    </font>
    <font>
      <b/>
      <sz val="12"/>
      <name val="Arial"/>
      <family val="2"/>
    </font>
    <font>
      <b/>
      <sz val="13"/>
      <color indexed="62"/>
      <name val="Palatino"/>
      <family val="2"/>
    </font>
    <font>
      <b/>
      <sz val="13"/>
      <color indexed="56"/>
      <name val="Tahoma"/>
      <family val="2"/>
    </font>
    <font>
      <b/>
      <sz val="11"/>
      <color indexed="62"/>
      <name val="Palatino"/>
      <family val="2"/>
    </font>
    <font>
      <b/>
      <sz val="11"/>
      <color indexed="56"/>
      <name val="Tahoma"/>
      <family val="2"/>
    </font>
    <font>
      <b/>
      <sz val="10"/>
      <name val="Arial"/>
      <family val="2"/>
    </font>
    <font>
      <u/>
      <sz val="10"/>
      <color indexed="12"/>
      <name val="Arial"/>
      <family val="2"/>
    </font>
    <font>
      <sz val="11"/>
      <color indexed="62"/>
      <name val="Calibri"/>
      <family val="2"/>
    </font>
    <font>
      <sz val="11"/>
      <color indexed="62"/>
      <name val="Palatino"/>
      <family val="2"/>
    </font>
    <font>
      <sz val="8"/>
      <color indexed="62"/>
      <name val="Tahoma"/>
      <family val="2"/>
    </font>
    <font>
      <b/>
      <sz val="11"/>
      <color indexed="9"/>
      <name val="Calibri"/>
      <family val="2"/>
    </font>
    <font>
      <sz val="11"/>
      <color indexed="10"/>
      <name val="Palatino"/>
      <family val="2"/>
    </font>
    <font>
      <sz val="8"/>
      <color indexed="52"/>
      <name val="Tahoma"/>
      <family val="2"/>
    </font>
    <font>
      <sz val="11"/>
      <color indexed="52"/>
      <name val="Calibri"/>
      <family val="2"/>
    </font>
    <font>
      <sz val="11"/>
      <color indexed="10"/>
      <name val="Calibri"/>
      <family val="2"/>
    </font>
    <font>
      <sz val="11"/>
      <color indexed="19"/>
      <name val="Palatino"/>
      <family val="2"/>
    </font>
    <font>
      <sz val="11"/>
      <color indexed="60"/>
      <name val="Calibri"/>
      <family val="2"/>
    </font>
    <font>
      <sz val="10"/>
      <color rgb="FF000000"/>
      <name val="Times New Roman"/>
      <family val="1"/>
    </font>
    <font>
      <sz val="11"/>
      <color theme="1"/>
      <name val="Arial"/>
      <family val="2"/>
    </font>
    <font>
      <b/>
      <sz val="11"/>
      <color indexed="63"/>
      <name val="Palatino"/>
      <family val="2"/>
    </font>
    <font>
      <b/>
      <sz val="8"/>
      <color indexed="63"/>
      <name val="Tahoma"/>
      <family val="2"/>
    </font>
    <font>
      <sz val="10"/>
      <color indexed="8"/>
      <name val="Arial"/>
      <family val="2"/>
    </font>
    <font>
      <b/>
      <i/>
      <sz val="10"/>
      <color indexed="8"/>
      <name val="Arial"/>
      <family val="2"/>
    </font>
    <font>
      <b/>
      <sz val="10"/>
      <color indexed="18"/>
      <name val="Arial"/>
      <family val="2"/>
    </font>
    <font>
      <b/>
      <sz val="22"/>
      <color indexed="18"/>
      <name val="Times New Roman"/>
      <family val="1"/>
    </font>
    <font>
      <b/>
      <sz val="18"/>
      <color indexed="56"/>
      <name val="Cambria"/>
      <family val="2"/>
    </font>
    <font>
      <b/>
      <sz val="15"/>
      <color indexed="56"/>
      <name val="Calibri"/>
      <family val="2"/>
    </font>
    <font>
      <b/>
      <sz val="15"/>
      <color indexed="62"/>
      <name val="Calibri"/>
      <family val="2"/>
    </font>
    <font>
      <b/>
      <sz val="13"/>
      <color indexed="56"/>
      <name val="Calibri"/>
      <family val="2"/>
    </font>
    <font>
      <b/>
      <sz val="13"/>
      <color indexed="62"/>
      <name val="Calibri"/>
      <family val="2"/>
    </font>
    <font>
      <b/>
      <sz val="11"/>
      <color indexed="56"/>
      <name val="Calibri"/>
      <family val="2"/>
    </font>
    <font>
      <b/>
      <sz val="11"/>
      <color indexed="62"/>
      <name val="Calibri"/>
      <family val="2"/>
    </font>
    <font>
      <b/>
      <sz val="18"/>
      <color indexed="62"/>
      <name val="Cambria"/>
      <family val="2"/>
    </font>
    <font>
      <sz val="10"/>
      <name val="Trebuchet MS"/>
      <family val="2"/>
    </font>
    <font>
      <b/>
      <sz val="12"/>
      <name val="Trebuchet MS"/>
      <family val="2"/>
    </font>
    <font>
      <b/>
      <sz val="10"/>
      <name val="Trebuchet MS"/>
      <family val="2"/>
    </font>
    <font>
      <sz val="10"/>
      <name val="Helv"/>
    </font>
    <font>
      <b/>
      <sz val="11"/>
      <color indexed="8"/>
      <name val="Calibri"/>
      <family val="2"/>
    </font>
    <font>
      <b/>
      <sz val="11"/>
      <color indexed="8"/>
      <name val="Palatino"/>
      <family val="2"/>
    </font>
    <font>
      <b/>
      <sz val="8"/>
      <color indexed="8"/>
      <name val="Tahoma"/>
      <family val="2"/>
    </font>
    <font>
      <b/>
      <sz val="11"/>
      <color indexed="63"/>
      <name val="Calibri"/>
      <family val="2"/>
    </font>
    <font>
      <sz val="8"/>
      <color indexed="10"/>
      <name val="Tahoma"/>
      <family val="2"/>
    </font>
    <font>
      <sz val="10"/>
      <color indexed="12"/>
      <name val="Times New Roman"/>
      <family val="1"/>
    </font>
    <font>
      <b/>
      <i/>
      <sz val="10"/>
      <color rgb="FFFF0000"/>
      <name val="SEB SansSerif"/>
    </font>
    <font>
      <sz val="10"/>
      <name val="SEB SansSerif"/>
    </font>
    <font>
      <b/>
      <sz val="10"/>
      <name val="SEB SansSerif"/>
    </font>
    <font>
      <b/>
      <sz val="10"/>
      <color theme="1"/>
      <name val="SEB SansSerif"/>
    </font>
    <font>
      <sz val="10"/>
      <color theme="1"/>
      <name val="SEB SansSerif"/>
    </font>
  </fonts>
  <fills count="34">
    <fill>
      <patternFill patternType="none"/>
    </fill>
    <fill>
      <patternFill patternType="gray125"/>
    </fill>
    <fill>
      <patternFill patternType="solid">
        <fgColor rgb="FFC0C0C0"/>
        <bgColor indexed="64"/>
      </patternFill>
    </fill>
    <fill>
      <patternFill patternType="solid">
        <fgColor indexed="44"/>
      </patternFill>
    </fill>
    <fill>
      <patternFill patternType="solid">
        <fgColor indexed="31"/>
      </patternFill>
    </fill>
    <fill>
      <patternFill patternType="solid">
        <fgColor indexed="29"/>
      </patternFill>
    </fill>
    <fill>
      <patternFill patternType="solid">
        <fgColor indexed="45"/>
      </patternFill>
    </fill>
    <fill>
      <patternFill patternType="solid">
        <fgColor indexed="26"/>
      </patternFill>
    </fill>
    <fill>
      <patternFill patternType="solid">
        <fgColor indexed="42"/>
      </patternFill>
    </fill>
    <fill>
      <patternFill patternType="solid">
        <fgColor indexed="47"/>
      </patternFill>
    </fill>
    <fill>
      <patternFill patternType="solid">
        <fgColor indexed="46"/>
      </patternFill>
    </fill>
    <fill>
      <patternFill patternType="solid">
        <fgColor indexed="27"/>
      </patternFill>
    </fill>
    <fill>
      <patternFill patternType="solid">
        <fgColor indexed="43"/>
      </patternFill>
    </fill>
    <fill>
      <patternFill patternType="solid">
        <fgColor indexed="11"/>
      </patternFill>
    </fill>
    <fill>
      <patternFill patternType="solid">
        <fgColor indexed="51"/>
      </patternFill>
    </fill>
    <fill>
      <patternFill patternType="solid">
        <fgColor indexed="30"/>
      </patternFill>
    </fill>
    <fill>
      <patternFill patternType="solid">
        <fgColor indexed="53"/>
      </patternFill>
    </fill>
    <fill>
      <patternFill patternType="solid">
        <fgColor indexed="36"/>
      </patternFill>
    </fill>
    <fill>
      <patternFill patternType="solid">
        <fgColor indexed="49"/>
      </patternFill>
    </fill>
    <fill>
      <patternFill patternType="solid">
        <fgColor indexed="52"/>
      </patternFill>
    </fill>
    <fill>
      <patternFill patternType="solid">
        <fgColor indexed="56"/>
      </patternFill>
    </fill>
    <fill>
      <patternFill patternType="solid">
        <fgColor indexed="62"/>
      </patternFill>
    </fill>
    <fill>
      <patternFill patternType="solid">
        <fgColor indexed="10"/>
      </patternFill>
    </fill>
    <fill>
      <patternFill patternType="solid">
        <fgColor indexed="57"/>
      </patternFill>
    </fill>
    <fill>
      <patternFill patternType="solid">
        <fgColor indexed="54"/>
      </patternFill>
    </fill>
    <fill>
      <patternFill patternType="solid">
        <fgColor indexed="22"/>
      </patternFill>
    </fill>
    <fill>
      <patternFill patternType="solid">
        <fgColor indexed="9"/>
      </patternFill>
    </fill>
    <fill>
      <patternFill patternType="solid">
        <fgColor indexed="55"/>
      </patternFill>
    </fill>
    <fill>
      <patternFill patternType="solid">
        <fgColor indexed="23"/>
        <bgColor indexed="64"/>
      </patternFill>
    </fill>
    <fill>
      <patternFill patternType="solid">
        <fgColor indexed="9"/>
        <bgColor indexed="64"/>
      </patternFill>
    </fill>
    <fill>
      <patternFill patternType="solid">
        <fgColor indexed="42"/>
        <bgColor indexed="64"/>
      </patternFill>
    </fill>
    <fill>
      <patternFill patternType="solid">
        <fgColor indexed="22"/>
        <bgColor indexed="64"/>
      </patternFill>
    </fill>
    <fill>
      <patternFill patternType="solid">
        <fgColor indexed="18"/>
        <bgColor indexed="64"/>
      </patternFill>
    </fill>
    <fill>
      <patternFill patternType="solid">
        <fgColor indexed="57"/>
        <bgColor indexed="64"/>
      </patternFill>
    </fill>
  </fills>
  <borders count="30">
    <border>
      <left/>
      <right/>
      <top/>
      <bottom/>
      <diagonal/>
    </border>
    <border>
      <left/>
      <right/>
      <top style="thin">
        <color indexed="64"/>
      </top>
      <bottom style="thin">
        <color indexed="64"/>
      </bottom>
      <diagonal/>
    </border>
    <border>
      <left/>
      <right/>
      <top/>
      <bottom style="thin">
        <color indexed="64"/>
      </bottom>
      <diagonal/>
    </border>
    <border>
      <left/>
      <right/>
      <top style="thin">
        <color indexed="64"/>
      </top>
      <bottom/>
      <diagonal/>
    </border>
    <border>
      <left/>
      <right/>
      <top/>
      <bottom style="thin">
        <color indexed="18"/>
      </bottom>
      <diagonal/>
    </border>
    <border>
      <left style="thin">
        <color indexed="22"/>
      </left>
      <right style="thin">
        <color indexed="22"/>
      </right>
      <top style="thin">
        <color indexed="22"/>
      </top>
      <bottom style="thin">
        <color indexed="22"/>
      </bottom>
      <diagonal/>
    </border>
    <border>
      <left/>
      <right/>
      <top style="thin">
        <color indexed="60"/>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56"/>
      </bottom>
      <diagonal/>
    </border>
    <border>
      <left/>
      <right/>
      <top/>
      <bottom style="thick">
        <color indexed="62"/>
      </bottom>
      <diagonal/>
    </border>
    <border>
      <left/>
      <right/>
      <top/>
      <bottom style="thick">
        <color indexed="27"/>
      </bottom>
      <diagonal/>
    </border>
    <border>
      <left/>
      <right/>
      <top/>
      <bottom style="thick">
        <color indexed="22"/>
      </bottom>
      <diagonal/>
    </border>
    <border>
      <left/>
      <right/>
      <top/>
      <bottom style="medium">
        <color indexed="27"/>
      </bottom>
      <diagonal/>
    </border>
    <border>
      <left/>
      <right/>
      <top/>
      <bottom style="medium">
        <color indexed="30"/>
      </bottom>
      <diagonal/>
    </border>
    <border>
      <left style="thin">
        <color indexed="64"/>
      </left>
      <right/>
      <top style="thin">
        <color indexed="64"/>
      </top>
      <bottom style="thin">
        <color indexed="64"/>
      </bottom>
      <diagonal/>
    </border>
    <border>
      <left/>
      <right/>
      <top/>
      <bottom style="double">
        <color indexed="10"/>
      </bottom>
      <diagonal/>
    </border>
    <border>
      <left/>
      <right/>
      <top/>
      <bottom style="double">
        <color indexed="52"/>
      </bottom>
      <diagonal/>
    </border>
    <border>
      <left style="thin">
        <color indexed="64"/>
      </left>
      <right style="thin">
        <color indexed="64"/>
      </right>
      <top style="thin">
        <color indexed="64"/>
      </top>
      <bottom style="thin">
        <color indexed="64"/>
      </bottom>
      <diagonal/>
    </border>
    <border>
      <left style="thin">
        <color indexed="63"/>
      </left>
      <right style="thin">
        <color indexed="63"/>
      </right>
      <top style="thin">
        <color indexed="63"/>
      </top>
      <bottom style="thin">
        <color indexed="63"/>
      </bottom>
      <diagonal/>
    </border>
    <border>
      <left/>
      <right style="thin">
        <color indexed="64"/>
      </right>
      <top/>
      <bottom/>
      <diagonal/>
    </border>
    <border>
      <left/>
      <right/>
      <top/>
      <bottom style="medium">
        <color indexed="64"/>
      </bottom>
      <diagonal/>
    </border>
    <border>
      <left/>
      <right/>
      <top/>
      <bottom style="thin">
        <color indexed="55"/>
      </bottom>
      <diagonal/>
    </border>
    <border>
      <left/>
      <right/>
      <top style="thin">
        <color indexed="62"/>
      </top>
      <bottom style="double">
        <color indexed="62"/>
      </bottom>
      <diagonal/>
    </border>
    <border>
      <left/>
      <right/>
      <top style="thin">
        <color indexed="56"/>
      </top>
      <bottom style="double">
        <color indexed="56"/>
      </bottom>
      <diagonal/>
    </border>
    <border>
      <left style="hair">
        <color indexed="64"/>
      </left>
      <right style="hair">
        <color indexed="64"/>
      </right>
      <top style="hair">
        <color indexed="64"/>
      </top>
      <bottom style="hair">
        <color indexed="64"/>
      </bottom>
      <diagonal/>
    </border>
    <border>
      <left/>
      <right style="medium">
        <color indexed="64"/>
      </right>
      <top/>
      <bottom style="thin">
        <color indexed="64"/>
      </bottom>
      <diagonal/>
    </border>
    <border>
      <left/>
      <right style="thin">
        <color indexed="64"/>
      </right>
      <top/>
      <bottom style="thin">
        <color indexed="64"/>
      </bottom>
      <diagonal/>
    </border>
    <border>
      <left/>
      <right style="thin">
        <color theme="0"/>
      </right>
      <top style="thin">
        <color indexed="64"/>
      </top>
      <bottom style="thin">
        <color indexed="64"/>
      </bottom>
      <diagonal/>
    </border>
    <border>
      <left style="thin">
        <color theme="0"/>
      </left>
      <right style="thin">
        <color theme="0"/>
      </right>
      <top style="thin">
        <color indexed="64"/>
      </top>
      <bottom style="thin">
        <color indexed="64"/>
      </bottom>
      <diagonal/>
    </border>
  </borders>
  <cellStyleXfs count="577">
    <xf numFmtId="0" fontId="0" fillId="0" borderId="0"/>
    <xf numFmtId="0" fontId="2" fillId="0" borderId="0"/>
    <xf numFmtId="0" fontId="1" fillId="0" borderId="0"/>
    <xf numFmtId="0" fontId="3" fillId="0" borderId="0"/>
    <xf numFmtId="0" fontId="4" fillId="0" borderId="0"/>
    <xf numFmtId="0" fontId="10" fillId="0" borderId="0"/>
    <xf numFmtId="0" fontId="11" fillId="0" borderId="4"/>
    <xf numFmtId="0" fontId="10" fillId="0" borderId="0"/>
    <xf numFmtId="0" fontId="10" fillId="0" borderId="0"/>
    <xf numFmtId="0" fontId="3" fillId="0" borderId="0">
      <alignment vertical="center"/>
    </xf>
    <xf numFmtId="0" fontId="12" fillId="3" borderId="0" applyNumberFormat="0" applyBorder="0" applyAlignment="0" applyProtection="0"/>
    <xf numFmtId="0" fontId="13" fillId="4" borderId="0" applyNumberFormat="0" applyBorder="0" applyAlignment="0" applyProtection="0"/>
    <xf numFmtId="0" fontId="13" fillId="4" borderId="0" applyNumberFormat="0" applyBorder="0" applyAlignment="0" applyProtection="0"/>
    <xf numFmtId="0" fontId="12" fillId="5" borderId="0" applyNumberFormat="0" applyBorder="0" applyAlignment="0" applyProtection="0"/>
    <xf numFmtId="0" fontId="13" fillId="6" borderId="0" applyNumberFormat="0" applyBorder="0" applyAlignment="0" applyProtection="0"/>
    <xf numFmtId="0" fontId="13" fillId="6" borderId="0" applyNumberFormat="0" applyBorder="0" applyAlignment="0" applyProtection="0"/>
    <xf numFmtId="0" fontId="12" fillId="7" borderId="0" applyNumberFormat="0" applyBorder="0" applyAlignment="0" applyProtection="0"/>
    <xf numFmtId="0" fontId="13" fillId="8" borderId="0" applyNumberFormat="0" applyBorder="0" applyAlignment="0" applyProtection="0"/>
    <xf numFmtId="0" fontId="13" fillId="8" borderId="0" applyNumberFormat="0" applyBorder="0" applyAlignment="0" applyProtection="0"/>
    <xf numFmtId="0" fontId="12" fillId="9" borderId="0" applyNumberFormat="0" applyBorder="0" applyAlignment="0" applyProtection="0"/>
    <xf numFmtId="0" fontId="13" fillId="10" borderId="0" applyNumberFormat="0" applyBorder="0" applyAlignment="0" applyProtection="0"/>
    <xf numFmtId="0" fontId="13" fillId="10" borderId="0" applyNumberFormat="0" applyBorder="0" applyAlignment="0" applyProtection="0"/>
    <xf numFmtId="0" fontId="12" fillId="11" borderId="0" applyNumberFormat="0" applyBorder="0" applyAlignment="0" applyProtection="0"/>
    <xf numFmtId="0" fontId="13" fillId="11" borderId="0" applyNumberFormat="0" applyBorder="0" applyAlignment="0" applyProtection="0"/>
    <xf numFmtId="0" fontId="13" fillId="11" borderId="0" applyNumberFormat="0" applyBorder="0" applyAlignment="0" applyProtection="0"/>
    <xf numFmtId="0" fontId="12" fillId="7" borderId="0" applyNumberFormat="0" applyBorder="0" applyAlignment="0" applyProtection="0"/>
    <xf numFmtId="0" fontId="13" fillId="9" borderId="0" applyNumberFormat="0" applyBorder="0" applyAlignment="0" applyProtection="0"/>
    <xf numFmtId="0" fontId="13" fillId="9" borderId="0" applyNumberFormat="0" applyBorder="0" applyAlignment="0" applyProtection="0"/>
    <xf numFmtId="0" fontId="14" fillId="4" borderId="0" applyNumberFormat="0" applyBorder="0" applyAlignment="0" applyProtection="0"/>
    <xf numFmtId="0" fontId="14" fillId="3" borderId="0" applyNumberFormat="0" applyBorder="0" applyAlignment="0" applyProtection="0"/>
    <xf numFmtId="0" fontId="14" fillId="6" borderId="0" applyNumberFormat="0" applyBorder="0" applyAlignment="0" applyProtection="0"/>
    <xf numFmtId="0" fontId="14" fillId="5" borderId="0" applyNumberFormat="0" applyBorder="0" applyAlignment="0" applyProtection="0"/>
    <xf numFmtId="0" fontId="14" fillId="8" borderId="0" applyNumberFormat="0" applyBorder="0" applyAlignment="0" applyProtection="0"/>
    <xf numFmtId="0" fontId="14" fillId="7" borderId="0" applyNumberFormat="0" applyBorder="0" applyAlignment="0" applyProtection="0"/>
    <xf numFmtId="0" fontId="14" fillId="10" borderId="0" applyNumberFormat="0" applyBorder="0" applyAlignment="0" applyProtection="0"/>
    <xf numFmtId="0" fontId="14" fillId="9" borderId="0" applyNumberFormat="0" applyBorder="0" applyAlignment="0" applyProtection="0"/>
    <xf numFmtId="0" fontId="14" fillId="11" borderId="0" applyNumberFormat="0" applyBorder="0" applyAlignment="0" applyProtection="0"/>
    <xf numFmtId="0" fontId="14" fillId="9" borderId="0" applyNumberFormat="0" applyBorder="0" applyAlignment="0" applyProtection="0"/>
    <xf numFmtId="0" fontId="14" fillId="7" borderId="0" applyNumberFormat="0" applyBorder="0" applyAlignment="0" applyProtection="0"/>
    <xf numFmtId="0" fontId="12" fillId="11" borderId="0" applyNumberFormat="0" applyBorder="0" applyAlignment="0" applyProtection="0"/>
    <xf numFmtId="0" fontId="13" fillId="3" borderId="0" applyNumberFormat="0" applyBorder="0" applyAlignment="0" applyProtection="0"/>
    <xf numFmtId="0" fontId="13" fillId="3" borderId="0" applyNumberFormat="0" applyBorder="0" applyAlignment="0" applyProtection="0"/>
    <xf numFmtId="0" fontId="12" fillId="5" borderId="0" applyNumberFormat="0" applyBorder="0" applyAlignment="0" applyProtection="0"/>
    <xf numFmtId="0" fontId="13" fillId="5" borderId="0" applyNumberFormat="0" applyBorder="0" applyAlignment="0" applyProtection="0"/>
    <xf numFmtId="0" fontId="13" fillId="5" borderId="0" applyNumberFormat="0" applyBorder="0" applyAlignment="0" applyProtection="0"/>
    <xf numFmtId="0" fontId="12" fillId="12" borderId="0" applyNumberFormat="0" applyBorder="0" applyAlignment="0" applyProtection="0"/>
    <xf numFmtId="0" fontId="13" fillId="13" borderId="0" applyNumberFormat="0" applyBorder="0" applyAlignment="0" applyProtection="0"/>
    <xf numFmtId="0" fontId="13" fillId="13" borderId="0" applyNumberFormat="0" applyBorder="0" applyAlignment="0" applyProtection="0"/>
    <xf numFmtId="0" fontId="12" fillId="6" borderId="0" applyNumberFormat="0" applyBorder="0" applyAlignment="0" applyProtection="0"/>
    <xf numFmtId="0" fontId="13" fillId="10" borderId="0" applyNumberFormat="0" applyBorder="0" applyAlignment="0" applyProtection="0"/>
    <xf numFmtId="0" fontId="13" fillId="10" borderId="0" applyNumberFormat="0" applyBorder="0" applyAlignment="0" applyProtection="0"/>
    <xf numFmtId="0" fontId="12" fillId="11" borderId="0" applyNumberFormat="0" applyBorder="0" applyAlignment="0" applyProtection="0"/>
    <xf numFmtId="0" fontId="13" fillId="3" borderId="0" applyNumberFormat="0" applyBorder="0" applyAlignment="0" applyProtection="0"/>
    <xf numFmtId="0" fontId="13" fillId="3" borderId="0" applyNumberFormat="0" applyBorder="0" applyAlignment="0" applyProtection="0"/>
    <xf numFmtId="0" fontId="12" fillId="7" borderId="0" applyNumberFormat="0" applyBorder="0" applyAlignment="0" applyProtection="0"/>
    <xf numFmtId="0" fontId="13" fillId="14" borderId="0" applyNumberFormat="0" applyBorder="0" applyAlignment="0" applyProtection="0"/>
    <xf numFmtId="0" fontId="13" fillId="14" borderId="0" applyNumberFormat="0" applyBorder="0" applyAlignment="0" applyProtection="0"/>
    <xf numFmtId="0" fontId="14" fillId="3" borderId="0" applyNumberFormat="0" applyBorder="0" applyAlignment="0" applyProtection="0"/>
    <xf numFmtId="0" fontId="14" fillId="11" borderId="0" applyNumberFormat="0" applyBorder="0" applyAlignment="0" applyProtection="0"/>
    <xf numFmtId="0" fontId="14" fillId="5" borderId="0" applyNumberFormat="0" applyBorder="0" applyAlignment="0" applyProtection="0"/>
    <xf numFmtId="0" fontId="14" fillId="13" borderId="0" applyNumberFormat="0" applyBorder="0" applyAlignment="0" applyProtection="0"/>
    <xf numFmtId="0" fontId="14" fillId="12" borderId="0" applyNumberFormat="0" applyBorder="0" applyAlignment="0" applyProtection="0"/>
    <xf numFmtId="0" fontId="14" fillId="10" borderId="0" applyNumberFormat="0" applyBorder="0" applyAlignment="0" applyProtection="0"/>
    <xf numFmtId="0" fontId="14" fillId="6" borderId="0" applyNumberFormat="0" applyBorder="0" applyAlignment="0" applyProtection="0"/>
    <xf numFmtId="0" fontId="14" fillId="3" borderId="0" applyNumberFormat="0" applyBorder="0" applyAlignment="0" applyProtection="0"/>
    <xf numFmtId="0" fontId="14" fillId="11" borderId="0" applyNumberFormat="0" applyBorder="0" applyAlignment="0" applyProtection="0"/>
    <xf numFmtId="0" fontId="14" fillId="14" borderId="0" applyNumberFormat="0" applyBorder="0" applyAlignment="0" applyProtection="0"/>
    <xf numFmtId="0" fontId="14" fillId="7" borderId="0" applyNumberFormat="0" applyBorder="0" applyAlignment="0" applyProtection="0"/>
    <xf numFmtId="0" fontId="15" fillId="11" borderId="0" applyNumberFormat="0" applyBorder="0" applyAlignment="0" applyProtection="0"/>
    <xf numFmtId="0" fontId="16" fillId="15" borderId="0" applyNumberFormat="0" applyBorder="0" applyAlignment="0" applyProtection="0"/>
    <xf numFmtId="0" fontId="16" fillId="15" borderId="0" applyNumberFormat="0" applyBorder="0" applyAlignment="0" applyProtection="0"/>
    <xf numFmtId="0" fontId="15" fillId="16" borderId="0" applyNumberFormat="0" applyBorder="0" applyAlignment="0" applyProtection="0"/>
    <xf numFmtId="0" fontId="16" fillId="5" borderId="0" applyNumberFormat="0" applyBorder="0" applyAlignment="0" applyProtection="0"/>
    <xf numFmtId="0" fontId="16" fillId="5" borderId="0" applyNumberFormat="0" applyBorder="0" applyAlignment="0" applyProtection="0"/>
    <xf numFmtId="0" fontId="15" fillId="14" borderId="0" applyNumberFormat="0" applyBorder="0" applyAlignment="0" applyProtection="0"/>
    <xf numFmtId="0" fontId="16" fillId="13" borderId="0" applyNumberFormat="0" applyBorder="0" applyAlignment="0" applyProtection="0"/>
    <xf numFmtId="0" fontId="16" fillId="13" borderId="0" applyNumberFormat="0" applyBorder="0" applyAlignment="0" applyProtection="0"/>
    <xf numFmtId="0" fontId="15" fillId="6" borderId="0" applyNumberFormat="0" applyBorder="0" applyAlignment="0" applyProtection="0"/>
    <xf numFmtId="0" fontId="16" fillId="17" borderId="0" applyNumberFormat="0" applyBorder="0" applyAlignment="0" applyProtection="0"/>
    <xf numFmtId="0" fontId="16" fillId="17" borderId="0" applyNumberFormat="0" applyBorder="0" applyAlignment="0" applyProtection="0"/>
    <xf numFmtId="0" fontId="15" fillId="11" borderId="0" applyNumberFormat="0" applyBorder="0" applyAlignment="0" applyProtection="0"/>
    <xf numFmtId="0" fontId="16" fillId="18" borderId="0" applyNumberFormat="0" applyBorder="0" applyAlignment="0" applyProtection="0"/>
    <xf numFmtId="0" fontId="16" fillId="18" borderId="0" applyNumberFormat="0" applyBorder="0" applyAlignment="0" applyProtection="0"/>
    <xf numFmtId="0" fontId="15" fillId="5" borderId="0" applyNumberFormat="0" applyBorder="0" applyAlignment="0" applyProtection="0"/>
    <xf numFmtId="0" fontId="16" fillId="19" borderId="0" applyNumberFormat="0" applyBorder="0" applyAlignment="0" applyProtection="0"/>
    <xf numFmtId="0" fontId="16" fillId="19" borderId="0" applyNumberFormat="0" applyBorder="0" applyAlignment="0" applyProtection="0"/>
    <xf numFmtId="0" fontId="17" fillId="15" borderId="0" applyNumberFormat="0" applyBorder="0" applyAlignment="0" applyProtection="0"/>
    <xf numFmtId="0" fontId="17" fillId="11" borderId="0" applyNumberFormat="0" applyBorder="0" applyAlignment="0" applyProtection="0"/>
    <xf numFmtId="0" fontId="17" fillId="5" borderId="0" applyNumberFormat="0" applyBorder="0" applyAlignment="0" applyProtection="0"/>
    <xf numFmtId="0" fontId="17" fillId="16" borderId="0" applyNumberFormat="0" applyBorder="0" applyAlignment="0" applyProtection="0"/>
    <xf numFmtId="0" fontId="17" fillId="13" borderId="0" applyNumberFormat="0" applyBorder="0" applyAlignment="0" applyProtection="0"/>
    <xf numFmtId="0" fontId="17" fillId="14" borderId="0" applyNumberFormat="0" applyBorder="0" applyAlignment="0" applyProtection="0"/>
    <xf numFmtId="0" fontId="17" fillId="17" borderId="0" applyNumberFormat="0" applyBorder="0" applyAlignment="0" applyProtection="0"/>
    <xf numFmtId="0" fontId="17" fillId="6" borderId="0" applyNumberFormat="0" applyBorder="0" applyAlignment="0" applyProtection="0"/>
    <xf numFmtId="0" fontId="17" fillId="18" borderId="0" applyNumberFormat="0" applyBorder="0" applyAlignment="0" applyProtection="0"/>
    <xf numFmtId="0" fontId="17" fillId="11" borderId="0" applyNumberFormat="0" applyBorder="0" applyAlignment="0" applyProtection="0"/>
    <xf numFmtId="0" fontId="17" fillId="19" borderId="0" applyNumberFormat="0" applyBorder="0" applyAlignment="0" applyProtection="0"/>
    <xf numFmtId="0" fontId="17" fillId="5" borderId="0" applyNumberFormat="0" applyBorder="0" applyAlignment="0" applyProtection="0"/>
    <xf numFmtId="0" fontId="15" fillId="20" borderId="0" applyNumberFormat="0" applyBorder="0" applyAlignment="0" applyProtection="0"/>
    <xf numFmtId="0" fontId="16" fillId="21" borderId="0" applyNumberFormat="0" applyBorder="0" applyAlignment="0" applyProtection="0"/>
    <xf numFmtId="0" fontId="16" fillId="21" borderId="0" applyNumberFormat="0" applyBorder="0" applyAlignment="0" applyProtection="0"/>
    <xf numFmtId="0" fontId="15" fillId="16" borderId="0" applyNumberFormat="0" applyBorder="0" applyAlignment="0" applyProtection="0"/>
    <xf numFmtId="0" fontId="16" fillId="22" borderId="0" applyNumberFormat="0" applyBorder="0" applyAlignment="0" applyProtection="0"/>
    <xf numFmtId="0" fontId="16" fillId="22" borderId="0" applyNumberFormat="0" applyBorder="0" applyAlignment="0" applyProtection="0"/>
    <xf numFmtId="0" fontId="15" fillId="14" borderId="0" applyNumberFormat="0" applyBorder="0" applyAlignment="0" applyProtection="0"/>
    <xf numFmtId="0" fontId="16" fillId="23" borderId="0" applyNumberFormat="0" applyBorder="0" applyAlignment="0" applyProtection="0"/>
    <xf numFmtId="0" fontId="16" fillId="23" borderId="0" applyNumberFormat="0" applyBorder="0" applyAlignment="0" applyProtection="0"/>
    <xf numFmtId="0" fontId="15" fillId="24" borderId="0" applyNumberFormat="0" applyBorder="0" applyAlignment="0" applyProtection="0"/>
    <xf numFmtId="0" fontId="16" fillId="17" borderId="0" applyNumberFormat="0" applyBorder="0" applyAlignment="0" applyProtection="0"/>
    <xf numFmtId="0" fontId="16" fillId="17" borderId="0" applyNumberFormat="0" applyBorder="0" applyAlignment="0" applyProtection="0"/>
    <xf numFmtId="0" fontId="15" fillId="18" borderId="0" applyNumberFormat="0" applyBorder="0" applyAlignment="0" applyProtection="0"/>
    <xf numFmtId="0" fontId="16" fillId="18" borderId="0" applyNumberFormat="0" applyBorder="0" applyAlignment="0" applyProtection="0"/>
    <xf numFmtId="0" fontId="16" fillId="18" borderId="0" applyNumberFormat="0" applyBorder="0" applyAlignment="0" applyProtection="0"/>
    <xf numFmtId="0" fontId="15" fillId="22" borderId="0" applyNumberFormat="0" applyBorder="0" applyAlignment="0" applyProtection="0"/>
    <xf numFmtId="0" fontId="16" fillId="16" borderId="0" applyNumberFormat="0" applyBorder="0" applyAlignment="0" applyProtection="0"/>
    <xf numFmtId="0" fontId="16" fillId="16" borderId="0" applyNumberFormat="0" applyBorder="0" applyAlignment="0" applyProtection="0"/>
    <xf numFmtId="0" fontId="4" fillId="7" borderId="5" applyNumberFormat="0" applyFont="0" applyAlignment="0" applyProtection="0"/>
    <xf numFmtId="0" fontId="3" fillId="7" borderId="5" applyNumberFormat="0" applyFont="0" applyAlignment="0" applyProtection="0"/>
    <xf numFmtId="0" fontId="3" fillId="7" borderId="5" applyNumberFormat="0" applyFont="0" applyAlignment="0" applyProtection="0"/>
    <xf numFmtId="0" fontId="3" fillId="7" borderId="5" applyNumberFormat="0" applyFont="0" applyAlignment="0" applyProtection="0"/>
    <xf numFmtId="0" fontId="3" fillId="7" borderId="5" applyNumberFormat="0" applyFont="0" applyAlignment="0" applyProtection="0"/>
    <xf numFmtId="0" fontId="4" fillId="7" borderId="5" applyNumberFormat="0" applyFont="0" applyAlignment="0" applyProtection="0"/>
    <xf numFmtId="0" fontId="18" fillId="10" borderId="0" applyNumberFormat="0" applyBorder="0" applyAlignment="0" applyProtection="0"/>
    <xf numFmtId="0" fontId="19" fillId="6" borderId="0" applyNumberFormat="0" applyBorder="0" applyAlignment="0" applyProtection="0"/>
    <xf numFmtId="0" fontId="19" fillId="6" borderId="0" applyNumberFormat="0" applyBorder="0" applyAlignment="0" applyProtection="0"/>
    <xf numFmtId="3" fontId="3" fillId="0" borderId="6" applyNumberFormat="0" applyFont="0" applyFill="0" applyBorder="0" applyAlignment="0" applyProtection="0">
      <alignment horizontal="right" vertical="top" wrapText="1"/>
    </xf>
    <xf numFmtId="0" fontId="20" fillId="25" borderId="7" applyNumberFormat="0" applyAlignment="0" applyProtection="0"/>
    <xf numFmtId="0" fontId="21" fillId="26" borderId="7" applyNumberFormat="0" applyAlignment="0" applyProtection="0"/>
    <xf numFmtId="0" fontId="22" fillId="8" borderId="0" applyNumberFormat="0" applyBorder="0" applyAlignment="0" applyProtection="0"/>
    <xf numFmtId="0" fontId="22" fillId="11" borderId="0" applyNumberFormat="0" applyBorder="0" applyAlignment="0" applyProtection="0"/>
    <xf numFmtId="0" fontId="23" fillId="26" borderId="7" applyNumberFormat="0" applyAlignment="0" applyProtection="0"/>
    <xf numFmtId="0" fontId="24" fillId="25" borderId="7" applyNumberFormat="0" applyAlignment="0" applyProtection="0"/>
    <xf numFmtId="0" fontId="24" fillId="25" borderId="7" applyNumberFormat="0" applyAlignment="0" applyProtection="0"/>
    <xf numFmtId="0" fontId="25" fillId="27" borderId="8" applyNumberFormat="0" applyAlignment="0" applyProtection="0"/>
    <xf numFmtId="0" fontId="26" fillId="27" borderId="8" applyNumberFormat="0" applyAlignment="0" applyProtection="0"/>
    <xf numFmtId="0" fontId="26" fillId="27" borderId="8" applyNumberFormat="0" applyAlignment="0" applyProtection="0"/>
    <xf numFmtId="0" fontId="27" fillId="28" borderId="0" applyNumberFormat="0" applyFont="0" applyFill="0" applyBorder="0" applyAlignment="0" applyProtection="0">
      <alignment vertical="top" wrapText="1"/>
    </xf>
    <xf numFmtId="43" fontId="4" fillId="0" borderId="0" applyFont="0" applyFill="0" applyBorder="0" applyAlignment="0" applyProtection="0"/>
    <xf numFmtId="43" fontId="3" fillId="0" borderId="0" applyFont="0" applyFill="0" applyBorder="0" applyAlignment="0" applyProtection="0"/>
    <xf numFmtId="43" fontId="28" fillId="0" borderId="0" applyFont="0" applyFill="0" applyBorder="0" applyAlignment="0" applyProtection="0"/>
    <xf numFmtId="43" fontId="28"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165"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4" fillId="0" borderId="0" applyFont="0" applyFill="0" applyBorder="0" applyAlignment="0" applyProtection="0"/>
    <xf numFmtId="43" fontId="3" fillId="0" borderId="0" applyFont="0" applyFill="0" applyBorder="0" applyAlignment="0" applyProtection="0"/>
    <xf numFmtId="165" fontId="2" fillId="0" borderId="0" applyFont="0" applyFill="0" applyBorder="0" applyAlignment="0" applyProtection="0"/>
    <xf numFmtId="43" fontId="3" fillId="0" borderId="0" applyFont="0" applyFill="0" applyBorder="0" applyAlignment="0" applyProtection="0"/>
    <xf numFmtId="165" fontId="29" fillId="0" borderId="0" applyFont="0" applyFill="0" applyBorder="0" applyAlignment="0" applyProtection="0"/>
    <xf numFmtId="43" fontId="3" fillId="0" borderId="0" applyFont="0" applyFill="0" applyBorder="0" applyAlignment="0" applyProtection="0"/>
    <xf numFmtId="165" fontId="3" fillId="0" borderId="0" applyFont="0" applyFill="0" applyBorder="0" applyAlignment="0" applyProtection="0"/>
    <xf numFmtId="166" fontId="3" fillId="0" borderId="0" applyFont="0" applyFill="0" applyBorder="0" applyAlignment="0" applyProtection="0"/>
    <xf numFmtId="43" fontId="3" fillId="0" borderId="0" applyFont="0" applyFill="0" applyBorder="0" applyAlignment="0" applyProtection="0"/>
    <xf numFmtId="43" fontId="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0" fillId="6" borderId="0" applyNumberFormat="0" applyBorder="0" applyAlignment="0" applyProtection="0"/>
    <xf numFmtId="0" fontId="30" fillId="10" borderId="0" applyNumberFormat="0" applyBorder="0" applyAlignment="0" applyProtection="0"/>
    <xf numFmtId="167" fontId="4"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4" fillId="0" borderId="0" applyFont="0" applyFill="0" applyBorder="0" applyAlignment="0" applyProtection="0"/>
    <xf numFmtId="0" fontId="31" fillId="0" borderId="0" applyNumberFormat="0" applyFill="0" applyBorder="0" applyAlignment="0" applyProtection="0"/>
    <xf numFmtId="0" fontId="32" fillId="0" borderId="0" applyNumberFormat="0" applyFill="0" applyBorder="0" applyAlignment="0" applyProtection="0"/>
    <xf numFmtId="0" fontId="32" fillId="0" borderId="0" applyNumberFormat="0" applyFill="0" applyBorder="0" applyAlignment="0" applyProtection="0"/>
    <xf numFmtId="0" fontId="17" fillId="21" borderId="0" applyNumberFormat="0" applyBorder="0" applyAlignment="0" applyProtection="0"/>
    <xf numFmtId="0" fontId="17" fillId="20" borderId="0" applyNumberFormat="0" applyBorder="0" applyAlignment="0" applyProtection="0"/>
    <xf numFmtId="0" fontId="17" fillId="22" borderId="0" applyNumberFormat="0" applyBorder="0" applyAlignment="0" applyProtection="0"/>
    <xf numFmtId="0" fontId="17" fillId="16" borderId="0" applyNumberFormat="0" applyBorder="0" applyAlignment="0" applyProtection="0"/>
    <xf numFmtId="0" fontId="17" fillId="23" borderId="0" applyNumberFormat="0" applyBorder="0" applyAlignment="0" applyProtection="0"/>
    <xf numFmtId="0" fontId="17" fillId="14" borderId="0" applyNumberFormat="0" applyBorder="0" applyAlignment="0" applyProtection="0"/>
    <xf numFmtId="0" fontId="17" fillId="17" borderId="0" applyNumberFormat="0" applyBorder="0" applyAlignment="0" applyProtection="0"/>
    <xf numFmtId="0" fontId="17" fillId="24" borderId="0" applyNumberFormat="0" applyBorder="0" applyAlignment="0" applyProtection="0"/>
    <xf numFmtId="0" fontId="17" fillId="18" borderId="0" applyNumberFormat="0" applyBorder="0" applyAlignment="0" applyProtection="0"/>
    <xf numFmtId="0" fontId="17" fillId="16" borderId="0" applyNumberFormat="0" applyBorder="0" applyAlignment="0" applyProtection="0"/>
    <xf numFmtId="0" fontId="17" fillId="22" borderId="0" applyNumberFormat="0" applyBorder="0" applyAlignment="0" applyProtection="0"/>
    <xf numFmtId="0" fontId="33" fillId="0" borderId="0" applyNumberFormat="0" applyFill="0" applyBorder="0" applyAlignment="0" applyProtection="0"/>
    <xf numFmtId="0" fontId="34" fillId="11"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3" fontId="36" fillId="0" borderId="0"/>
    <xf numFmtId="0" fontId="37" fillId="0" borderId="9" applyNumberFormat="0" applyFill="0" applyAlignment="0" applyProtection="0"/>
    <xf numFmtId="0" fontId="38" fillId="0" borderId="10" applyNumberFormat="0" applyFill="0" applyAlignment="0" applyProtection="0"/>
    <xf numFmtId="0" fontId="38" fillId="0" borderId="10" applyNumberFormat="0" applyFill="0" applyAlignment="0" applyProtection="0"/>
    <xf numFmtId="0" fontId="39" fillId="0" borderId="0" applyNumberFormat="0" applyFill="0" applyBorder="0" applyAlignment="0" applyProtection="0"/>
    <xf numFmtId="0" fontId="40" fillId="0" borderId="11" applyNumberFormat="0" applyFill="0" applyAlignment="0" applyProtection="0"/>
    <xf numFmtId="0" fontId="41" fillId="0" borderId="12" applyNumberFormat="0" applyFill="0" applyAlignment="0" applyProtection="0"/>
    <xf numFmtId="0" fontId="41" fillId="0" borderId="12" applyNumberFormat="0" applyFill="0" applyAlignment="0" applyProtection="0"/>
    <xf numFmtId="0" fontId="42" fillId="0" borderId="13" applyNumberFormat="0" applyFill="0" applyAlignment="0" applyProtection="0"/>
    <xf numFmtId="0" fontId="43" fillId="0" borderId="14" applyNumberFormat="0" applyFill="0" applyAlignment="0" applyProtection="0"/>
    <xf numFmtId="0" fontId="43" fillId="0" borderId="14" applyNumberFormat="0" applyFill="0" applyAlignment="0" applyProtection="0"/>
    <xf numFmtId="0" fontId="42"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4" fillId="29" borderId="15" applyFont="0" applyBorder="0">
      <alignment horizontal="center" wrapText="1"/>
    </xf>
    <xf numFmtId="0" fontId="45" fillId="0" borderId="0" applyNumberFormat="0" applyFill="0" applyBorder="0" applyAlignment="0" applyProtection="0">
      <alignment vertical="top"/>
      <protection locked="0"/>
    </xf>
    <xf numFmtId="0" fontId="46" fillId="9" borderId="7" applyNumberFormat="0" applyAlignment="0" applyProtection="0"/>
    <xf numFmtId="0" fontId="46" fillId="12" borderId="7" applyNumberFormat="0" applyAlignment="0" applyProtection="0"/>
    <xf numFmtId="0" fontId="47" fillId="12" borderId="7" applyNumberFormat="0" applyAlignment="0" applyProtection="0"/>
    <xf numFmtId="0" fontId="48" fillId="9" borderId="7" applyNumberFormat="0" applyAlignment="0" applyProtection="0"/>
    <xf numFmtId="0" fontId="48" fillId="9" borderId="7" applyNumberFormat="0" applyAlignment="0" applyProtection="0"/>
    <xf numFmtId="0" fontId="49" fillId="27" borderId="8" applyNumberFormat="0" applyAlignment="0" applyProtection="0"/>
    <xf numFmtId="0" fontId="50" fillId="0" borderId="16" applyNumberFormat="0" applyFill="0" applyAlignment="0" applyProtection="0"/>
    <xf numFmtId="0" fontId="51" fillId="0" borderId="17" applyNumberFormat="0" applyFill="0" applyAlignment="0" applyProtection="0"/>
    <xf numFmtId="0" fontId="51" fillId="0" borderId="17" applyNumberFormat="0" applyFill="0" applyAlignment="0" applyProtection="0"/>
    <xf numFmtId="0" fontId="52" fillId="0" borderId="17" applyNumberFormat="0" applyFill="0" applyAlignment="0" applyProtection="0"/>
    <xf numFmtId="0" fontId="53" fillId="0" borderId="16" applyNumberFormat="0" applyFill="0" applyAlignment="0" applyProtection="0"/>
    <xf numFmtId="168" fontId="3" fillId="0" borderId="0" applyFont="0" applyFill="0" applyBorder="0" applyAlignment="0" applyProtection="0"/>
    <xf numFmtId="166" fontId="3" fillId="0" borderId="0" applyFont="0" applyFill="0" applyBorder="0" applyAlignment="0" applyProtection="0"/>
    <xf numFmtId="169" fontId="3" fillId="0" borderId="0" applyFont="0" applyFill="0" applyBorder="0" applyAlignment="0" applyProtection="0"/>
    <xf numFmtId="170" fontId="3" fillId="0" borderId="0" applyFont="0" applyFill="0" applyBorder="0" applyAlignment="0" applyProtection="0"/>
    <xf numFmtId="0" fontId="54" fillId="12" borderId="0" applyNumberFormat="0" applyBorder="0" applyAlignment="0" applyProtection="0"/>
    <xf numFmtId="0" fontId="55" fillId="12" borderId="0" applyNumberFormat="0" applyBorder="0" applyAlignment="0" applyProtection="0"/>
    <xf numFmtId="0" fontId="55" fillId="12" borderId="0" applyNumberFormat="0" applyBorder="0" applyAlignment="0" applyProtection="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alignment horizontal="left" wrapText="1"/>
    </xf>
    <xf numFmtId="0" fontId="3" fillId="0" borderId="0"/>
    <xf numFmtId="0" fontId="29"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8" fillId="0" borderId="0"/>
    <xf numFmtId="0" fontId="28" fillId="0" borderId="0"/>
    <xf numFmtId="0" fontId="3" fillId="0" borderId="0">
      <alignment horizontal="left" wrapText="1"/>
    </xf>
    <xf numFmtId="0" fontId="1" fillId="0" borderId="0"/>
    <xf numFmtId="0" fontId="1" fillId="0" borderId="0"/>
    <xf numFmtId="0" fontId="1" fillId="0" borderId="0"/>
    <xf numFmtId="0" fontId="1" fillId="0" borderId="0"/>
    <xf numFmtId="0" fontId="1" fillId="0" borderId="0"/>
    <xf numFmtId="0" fontId="1" fillId="0" borderId="0"/>
    <xf numFmtId="0" fontId="3" fillId="0" borderId="0">
      <alignment horizontal="left" wrapText="1"/>
    </xf>
    <xf numFmtId="0" fontId="56" fillId="0" borderId="0"/>
    <xf numFmtId="0" fontId="3" fillId="0" borderId="0">
      <alignment horizontal="left" wrapText="1"/>
    </xf>
    <xf numFmtId="0" fontId="4" fillId="0" borderId="0">
      <alignment horizontal="left" wrapText="1"/>
    </xf>
    <xf numFmtId="0" fontId="3" fillId="0" borderId="0">
      <alignment horizontal="left" wrapText="1"/>
    </xf>
    <xf numFmtId="0" fontId="3" fillId="0" borderId="0"/>
    <xf numFmtId="0" fontId="28" fillId="0" borderId="0"/>
    <xf numFmtId="0" fontId="28" fillId="0" borderId="0"/>
    <xf numFmtId="0" fontId="28" fillId="0" borderId="0"/>
    <xf numFmtId="0" fontId="28" fillId="0" borderId="0"/>
    <xf numFmtId="0" fontId="29" fillId="0" borderId="0" applyNumberFormat="0" applyBorder="0" applyAlignment="0"/>
    <xf numFmtId="0" fontId="3" fillId="0" borderId="0"/>
    <xf numFmtId="0" fontId="29" fillId="0" borderId="0" applyNumberFormat="0" applyBorder="0" applyAlignment="0"/>
    <xf numFmtId="0" fontId="2" fillId="0" borderId="0"/>
    <xf numFmtId="0" fontId="2" fillId="0" borderId="0"/>
    <xf numFmtId="0" fontId="3" fillId="0" borderId="0">
      <alignment horizontal="left" wrapText="1"/>
    </xf>
    <xf numFmtId="0" fontId="3" fillId="0" borderId="0">
      <alignment horizontal="left" wrapText="1"/>
    </xf>
    <xf numFmtId="0" fontId="3" fillId="0" borderId="0"/>
    <xf numFmtId="0" fontId="3" fillId="0" borderId="0"/>
    <xf numFmtId="0" fontId="29" fillId="0" borderId="0" applyNumberFormat="0" applyBorder="0" applyAlignment="0"/>
    <xf numFmtId="0" fontId="1" fillId="0" borderId="0"/>
    <xf numFmtId="0" fontId="29"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2" fillId="0" borderId="0"/>
    <xf numFmtId="0" fontId="28" fillId="0" borderId="0"/>
    <xf numFmtId="0" fontId="28" fillId="0" borderId="0"/>
    <xf numFmtId="0" fontId="3" fillId="0" borderId="0"/>
    <xf numFmtId="171" fontId="5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29" fillId="0" borderId="0" applyNumberFormat="0" applyBorder="0" applyAlignment="0"/>
    <xf numFmtId="0" fontId="3" fillId="0" borderId="0"/>
    <xf numFmtId="0" fontId="3" fillId="0" borderId="0"/>
    <xf numFmtId="0" fontId="13" fillId="7" borderId="5" applyNumberFormat="0" applyFont="0" applyAlignment="0" applyProtection="0"/>
    <xf numFmtId="0" fontId="13" fillId="7" borderId="5" applyNumberFormat="0" applyFont="0" applyAlignment="0" applyProtection="0"/>
    <xf numFmtId="3" fontId="3" fillId="30" borderId="18" applyFont="0">
      <alignment horizontal="right" vertical="center"/>
      <protection locked="0"/>
    </xf>
    <xf numFmtId="0" fontId="58" fillId="26" borderId="19" applyNumberFormat="0" applyAlignment="0" applyProtection="0"/>
    <xf numFmtId="0" fontId="59" fillId="25" borderId="19" applyNumberFormat="0" applyAlignment="0" applyProtection="0"/>
    <xf numFmtId="0" fontId="59" fillId="25" borderId="19" applyNumberFormat="0" applyAlignment="0" applyProtection="0"/>
    <xf numFmtId="40" fontId="60" fillId="29" borderId="0">
      <alignment horizontal="right"/>
    </xf>
    <xf numFmtId="0" fontId="61" fillId="31" borderId="0">
      <alignment horizontal="right"/>
    </xf>
    <xf numFmtId="0" fontId="27" fillId="32" borderId="20"/>
    <xf numFmtId="0" fontId="62" fillId="0" borderId="0" applyBorder="0">
      <alignment horizontal="centerContinuous"/>
    </xf>
    <xf numFmtId="0" fontId="63" fillId="0" borderId="0" applyBorder="0">
      <alignment horizontal="centerContinuous"/>
    </xf>
    <xf numFmtId="9" fontId="4" fillId="0" borderId="0" applyFont="0" applyFill="0" applyBorder="0" applyAlignment="0" applyProtection="0"/>
    <xf numFmtId="9" fontId="4"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4" fillId="0" borderId="0" applyFont="0" applyFill="0" applyBorder="0" applyAlignment="0" applyProtection="0"/>
    <xf numFmtId="9" fontId="3" fillId="0" borderId="0" applyFont="0" applyFill="0" applyBorder="0" applyAlignment="0" applyProtection="0"/>
    <xf numFmtId="9" fontId="2"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2"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28" fillId="0" borderId="0" applyFont="0" applyFill="0" applyBorder="0" applyAlignment="0" applyProtection="0"/>
    <xf numFmtId="9" fontId="1" fillId="0" borderId="0" applyFont="0" applyFill="0" applyBorder="0" applyAlignment="0" applyProtection="0"/>
    <xf numFmtId="9" fontId="3" fillId="0" borderId="0" applyFont="0" applyFill="0" applyBorder="0" applyAlignment="0" applyProtection="0"/>
    <xf numFmtId="0" fontId="44" fillId="33" borderId="0" applyNumberFormat="0" applyFont="0" applyFill="0" applyBorder="0" applyAlignment="0" applyProtection="0">
      <alignment horizontal="right" vertical="top" wrapText="1"/>
    </xf>
    <xf numFmtId="0" fontId="64" fillId="0" borderId="0" applyNumberFormat="0" applyFill="0" applyBorder="0" applyAlignment="0" applyProtection="0"/>
    <xf numFmtId="0" fontId="65" fillId="0" borderId="10" applyNumberFormat="0" applyFill="0" applyAlignment="0" applyProtection="0"/>
    <xf numFmtId="0" fontId="66" fillId="0" borderId="9" applyNumberFormat="0" applyFill="0" applyAlignment="0" applyProtection="0"/>
    <xf numFmtId="0" fontId="67" fillId="0" borderId="12" applyNumberFormat="0" applyFill="0" applyAlignment="0" applyProtection="0"/>
    <xf numFmtId="0" fontId="68" fillId="0" borderId="11" applyNumberFormat="0" applyFill="0" applyAlignment="0" applyProtection="0"/>
    <xf numFmtId="0" fontId="69" fillId="0" borderId="14" applyNumberFormat="0" applyFill="0" applyAlignment="0" applyProtection="0"/>
    <xf numFmtId="0" fontId="70" fillId="0" borderId="13" applyNumberFormat="0" applyFill="0" applyAlignment="0" applyProtection="0"/>
    <xf numFmtId="0" fontId="69" fillId="0" borderId="0" applyNumberFormat="0" applyFill="0" applyBorder="0" applyAlignment="0" applyProtection="0"/>
    <xf numFmtId="0" fontId="70" fillId="0" borderId="0" applyNumberFormat="0" applyFill="0" applyBorder="0" applyAlignment="0" applyProtection="0"/>
    <xf numFmtId="0" fontId="71" fillId="0" borderId="0" applyNumberFormat="0" applyFill="0" applyBorder="0" applyAlignment="0" applyProtection="0"/>
    <xf numFmtId="0" fontId="72" fillId="30" borderId="0" applyNumberFormat="0" applyBorder="0" applyAlignment="0" applyProtection="0"/>
    <xf numFmtId="0" fontId="73" fillId="0" borderId="0" applyNumberFormat="0" applyFill="0" applyAlignment="0" applyProtection="0"/>
    <xf numFmtId="0" fontId="72" fillId="0" borderId="0"/>
    <xf numFmtId="0" fontId="74" fillId="0" borderId="21" applyNumberFormat="0" applyFill="0" applyAlignment="0" applyProtection="0"/>
    <xf numFmtId="0" fontId="72" fillId="0" borderId="22" applyNumberFormat="0" applyFill="0" applyAlignment="0" applyProtection="0"/>
    <xf numFmtId="0" fontId="75" fillId="0" borderId="0"/>
    <xf numFmtId="0" fontId="76" fillId="0" borderId="23" applyNumberFormat="0" applyFill="0" applyAlignment="0" applyProtection="0"/>
    <xf numFmtId="0" fontId="76" fillId="0" borderId="24" applyNumberFormat="0" applyFill="0" applyAlignment="0" applyProtection="0"/>
    <xf numFmtId="0" fontId="71" fillId="0" borderId="0" applyNumberForma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xf numFmtId="0" fontId="77" fillId="0" borderId="24" applyNumberFormat="0" applyFill="0" applyAlignment="0" applyProtection="0"/>
    <xf numFmtId="0" fontId="78" fillId="0" borderId="23" applyNumberFormat="0" applyFill="0" applyAlignment="0" applyProtection="0"/>
    <xf numFmtId="0" fontId="78" fillId="0" borderId="23" applyNumberFormat="0" applyFill="0" applyAlignment="0" applyProtection="0"/>
    <xf numFmtId="41" fontId="60" fillId="0" borderId="0" applyFont="0" applyFill="0" applyBorder="0" applyAlignment="0" applyProtection="0"/>
    <xf numFmtId="43" fontId="4" fillId="0" borderId="0" applyFont="0" applyFill="0" applyBorder="0" applyAlignment="0" applyProtection="0"/>
    <xf numFmtId="0" fontId="3" fillId="0" borderId="25"/>
    <xf numFmtId="0" fontId="79" fillId="25" borderId="19" applyNumberFormat="0" applyAlignment="0" applyProtection="0"/>
    <xf numFmtId="0" fontId="79" fillId="26" borderId="19" applyNumberFormat="0" applyAlignment="0" applyProtection="0"/>
    <xf numFmtId="172" fontId="60" fillId="0" borderId="0" applyFont="0" applyFill="0" applyBorder="0" applyAlignment="0" applyProtection="0"/>
    <xf numFmtId="0" fontId="50" fillId="0" borderId="0" applyNumberFormat="0" applyFill="0" applyBorder="0" applyAlignment="0" applyProtection="0"/>
    <xf numFmtId="0" fontId="80" fillId="0" borderId="0" applyNumberFormat="0" applyFill="0" applyBorder="0" applyAlignment="0" applyProtection="0"/>
    <xf numFmtId="0" fontId="80" fillId="0" borderId="0" applyNumberFormat="0" applyFill="0" applyBorder="0" applyAlignment="0" applyProtection="0"/>
    <xf numFmtId="0" fontId="53" fillId="0" borderId="0" applyNumberFormat="0" applyFill="0" applyBorder="0" applyAlignment="0" applyProtection="0"/>
    <xf numFmtId="173" fontId="28" fillId="0" borderId="0"/>
    <xf numFmtId="174" fontId="28" fillId="0" borderId="0"/>
    <xf numFmtId="175" fontId="81" fillId="0" borderId="26">
      <alignment horizontal="center"/>
      <protection locked="0"/>
    </xf>
    <xf numFmtId="176" fontId="28" fillId="0" borderId="0"/>
    <xf numFmtId="177" fontId="81" fillId="0" borderId="27">
      <alignment horizontal="left"/>
      <protection locked="0"/>
    </xf>
  </cellStyleXfs>
  <cellXfs count="68">
    <xf numFmtId="0" fontId="0" fillId="0" borderId="0" xfId="0"/>
    <xf numFmtId="0" fontId="5" fillId="0" borderId="0" xfId="4" applyFont="1" applyFill="1" applyBorder="1" applyAlignment="1">
      <alignment horizontal="left"/>
    </xf>
    <xf numFmtId="0" fontId="6" fillId="0" borderId="0" xfId="4" applyFont="1"/>
    <xf numFmtId="0" fontId="5" fillId="0" borderId="0" xfId="4" applyFont="1" applyFill="1"/>
    <xf numFmtId="0" fontId="5" fillId="0" borderId="0" xfId="2" applyFont="1" applyFill="1"/>
    <xf numFmtId="0" fontId="7" fillId="0" borderId="0" xfId="2" applyFont="1"/>
    <xf numFmtId="0" fontId="7" fillId="0" borderId="2" xfId="2" applyFont="1" applyBorder="1"/>
    <xf numFmtId="0" fontId="7" fillId="0" borderId="2" xfId="2" applyFont="1" applyFill="1" applyBorder="1"/>
    <xf numFmtId="0" fontId="8" fillId="2" borderId="0" xfId="2" applyFont="1" applyFill="1" applyBorder="1" applyAlignment="1">
      <alignment horizontal="center" vertical="center" wrapText="1"/>
    </xf>
    <xf numFmtId="0" fontId="8" fillId="2" borderId="2" xfId="2" applyFont="1" applyFill="1" applyBorder="1" applyAlignment="1">
      <alignment horizontal="left" vertical="center" wrapText="1"/>
    </xf>
    <xf numFmtId="15" fontId="5" fillId="2" borderId="2" xfId="2" quotePrefix="1" applyNumberFormat="1" applyFont="1" applyFill="1" applyBorder="1" applyAlignment="1">
      <alignment horizontal="center" vertical="center" wrapText="1"/>
    </xf>
    <xf numFmtId="3" fontId="6" fillId="0" borderId="0" xfId="4" applyNumberFormat="1" applyFont="1"/>
    <xf numFmtId="0" fontId="8" fillId="0" borderId="0" xfId="2" applyFont="1" applyFill="1" applyBorder="1" applyAlignment="1">
      <alignment wrapText="1"/>
    </xf>
    <xf numFmtId="3" fontId="5" fillId="0" borderId="0" xfId="2" applyNumberFormat="1" applyFont="1" applyFill="1"/>
    <xf numFmtId="0" fontId="7" fillId="0" borderId="0" xfId="2" applyFont="1" applyFill="1"/>
    <xf numFmtId="3" fontId="7" fillId="0" borderId="0" xfId="2" applyNumberFormat="1" applyFont="1" applyFill="1"/>
    <xf numFmtId="0" fontId="6" fillId="0" borderId="0" xfId="4" applyFont="1" applyFill="1"/>
    <xf numFmtId="0" fontId="5" fillId="0" borderId="0" xfId="416" applyFont="1" applyFill="1" applyBorder="1" applyAlignment="1">
      <alignment horizontal="left"/>
    </xf>
    <xf numFmtId="0" fontId="6" fillId="0" borderId="0" xfId="416" applyFont="1"/>
    <xf numFmtId="0" fontId="6" fillId="0" borderId="0" xfId="416" applyFont="1" applyFill="1"/>
    <xf numFmtId="0" fontId="5" fillId="0" borderId="0" xfId="416" applyFont="1" applyFill="1"/>
    <xf numFmtId="3" fontId="6" fillId="0" borderId="0" xfId="416" applyNumberFormat="1" applyFont="1" applyFill="1"/>
    <xf numFmtId="3" fontId="6" fillId="0" borderId="0" xfId="416" applyNumberFormat="1" applyFont="1" applyFill="1" applyAlignment="1">
      <alignment wrapText="1"/>
    </xf>
    <xf numFmtId="3" fontId="5" fillId="0" borderId="3" xfId="416" applyNumberFormat="1" applyFont="1" applyFill="1" applyBorder="1"/>
    <xf numFmtId="3" fontId="5" fillId="0" borderId="0" xfId="416" applyNumberFormat="1" applyFont="1" applyFill="1"/>
    <xf numFmtId="3" fontId="6" fillId="0" borderId="2" xfId="416" applyNumberFormat="1" applyFont="1" applyFill="1" applyBorder="1"/>
    <xf numFmtId="3" fontId="5" fillId="0" borderId="1" xfId="416" applyNumberFormat="1" applyFont="1" applyFill="1" applyBorder="1"/>
    <xf numFmtId="0" fontId="5" fillId="0" borderId="0" xfId="416" applyFont="1"/>
    <xf numFmtId="3" fontId="5" fillId="0" borderId="2" xfId="416" applyNumberFormat="1" applyFont="1" applyFill="1" applyBorder="1"/>
    <xf numFmtId="164" fontId="6" fillId="0" borderId="0" xfId="528" applyNumberFormat="1" applyFont="1" applyFill="1"/>
    <xf numFmtId="10" fontId="6" fillId="0" borderId="0" xfId="528" applyNumberFormat="1" applyFont="1" applyFill="1"/>
    <xf numFmtId="0" fontId="9" fillId="0" borderId="0" xfId="416" applyFont="1" applyFill="1" applyAlignment="1">
      <alignment vertical="center"/>
    </xf>
    <xf numFmtId="0" fontId="7" fillId="0" borderId="0" xfId="416" applyFont="1"/>
    <xf numFmtId="0" fontId="82" fillId="0" borderId="0" xfId="416" applyFont="1" applyFill="1"/>
    <xf numFmtId="0" fontId="8" fillId="0" borderId="0" xfId="416" applyFont="1" applyFill="1"/>
    <xf numFmtId="0" fontId="8" fillId="0" borderId="0" xfId="416" applyFont="1"/>
    <xf numFmtId="14" fontId="5" fillId="2" borderId="29" xfId="416" quotePrefix="1" applyNumberFormat="1" applyFont="1" applyFill="1" applyBorder="1" applyAlignment="1">
      <alignment horizontal="center" vertical="center" wrapText="1" readingOrder="1"/>
    </xf>
    <xf numFmtId="0" fontId="5" fillId="0" borderId="0" xfId="416" applyFont="1" applyAlignment="1">
      <alignment vertical="center"/>
    </xf>
    <xf numFmtId="0" fontId="6" fillId="0" borderId="0" xfId="416" applyFont="1" applyFill="1" applyAlignment="1">
      <alignment vertical="center"/>
    </xf>
    <xf numFmtId="0" fontId="5" fillId="0" borderId="0" xfId="416" applyFont="1" applyFill="1" applyAlignment="1">
      <alignment vertical="center"/>
    </xf>
    <xf numFmtId="0" fontId="7" fillId="0" borderId="0" xfId="416" applyFont="1" applyFill="1" applyAlignment="1">
      <alignment vertical="center"/>
    </xf>
    <xf numFmtId="3" fontId="5" fillId="0" borderId="0" xfId="416" applyNumberFormat="1" applyFont="1" applyFill="1" applyAlignment="1">
      <alignment horizontal="left" vertical="center"/>
    </xf>
    <xf numFmtId="3" fontId="6" fillId="0" borderId="0" xfId="416" applyNumberFormat="1" applyFont="1" applyFill="1" applyAlignment="1">
      <alignment horizontal="center" vertical="center"/>
    </xf>
    <xf numFmtId="3" fontId="5" fillId="0" borderId="3" xfId="416" applyNumberFormat="1" applyFont="1" applyFill="1" applyBorder="1" applyAlignment="1">
      <alignment horizontal="center" vertical="center"/>
    </xf>
    <xf numFmtId="3" fontId="5" fillId="0" borderId="1" xfId="416" applyNumberFormat="1" applyFont="1" applyFill="1" applyBorder="1" applyAlignment="1">
      <alignment horizontal="center" vertical="center"/>
    </xf>
    <xf numFmtId="3" fontId="5" fillId="0" borderId="0" xfId="416" applyNumberFormat="1" applyFont="1" applyFill="1" applyAlignment="1">
      <alignment horizontal="center" vertical="center"/>
    </xf>
    <xf numFmtId="3" fontId="6" fillId="0" borderId="2" xfId="416" applyNumberFormat="1" applyFont="1" applyFill="1" applyBorder="1" applyAlignment="1">
      <alignment horizontal="center" vertical="center"/>
    </xf>
    <xf numFmtId="3" fontId="5" fillId="0" borderId="2" xfId="416" applyNumberFormat="1" applyFont="1" applyFill="1" applyBorder="1" applyAlignment="1">
      <alignment horizontal="center" vertical="center"/>
    </xf>
    <xf numFmtId="0" fontId="6" fillId="0" borderId="0" xfId="416" applyFont="1" applyAlignment="1">
      <alignment vertical="center"/>
    </xf>
    <xf numFmtId="0" fontId="9" fillId="0" borderId="0" xfId="4" applyFont="1"/>
    <xf numFmtId="0" fontId="9" fillId="0" borderId="0" xfId="4" applyFont="1" applyFill="1"/>
    <xf numFmtId="0" fontId="83" fillId="0" borderId="0" xfId="4" applyFont="1"/>
    <xf numFmtId="0" fontId="83" fillId="0" borderId="0" xfId="3" applyFont="1" applyFill="1" applyBorder="1" applyAlignment="1">
      <alignment wrapText="1"/>
    </xf>
    <xf numFmtId="3" fontId="83" fillId="0" borderId="0" xfId="2" applyNumberFormat="1" applyFont="1" applyFill="1"/>
    <xf numFmtId="3" fontId="83" fillId="0" borderId="0" xfId="2" applyNumberFormat="1" applyFont="1"/>
    <xf numFmtId="0" fontId="83" fillId="0" borderId="0" xfId="4" applyFont="1" applyFill="1"/>
    <xf numFmtId="0" fontId="84" fillId="0" borderId="0" xfId="2" applyFont="1" applyFill="1" applyBorder="1" applyAlignment="1">
      <alignment wrapText="1"/>
    </xf>
    <xf numFmtId="0" fontId="84" fillId="0" borderId="0" xfId="2" applyFont="1" applyFill="1" applyBorder="1" applyAlignment="1"/>
    <xf numFmtId="0" fontId="85" fillId="0" borderId="2" xfId="2" applyFont="1" applyFill="1" applyBorder="1" applyAlignment="1">
      <alignment wrapText="1"/>
    </xf>
    <xf numFmtId="0" fontId="83" fillId="0" borderId="0" xfId="2" applyFont="1" applyFill="1" applyBorder="1" applyAlignment="1">
      <alignment wrapText="1"/>
    </xf>
    <xf numFmtId="0" fontId="86" fillId="0" borderId="0" xfId="2" applyFont="1" applyFill="1" applyBorder="1" applyAlignment="1">
      <alignment wrapText="1"/>
    </xf>
    <xf numFmtId="3" fontId="84" fillId="0" borderId="0" xfId="2" applyNumberFormat="1" applyFont="1" applyFill="1"/>
    <xf numFmtId="3" fontId="84" fillId="0" borderId="0" xfId="2" applyNumberFormat="1" applyFont="1"/>
    <xf numFmtId="3" fontId="84" fillId="0" borderId="2" xfId="2" applyNumberFormat="1" applyFont="1" applyFill="1" applyBorder="1"/>
    <xf numFmtId="3" fontId="84" fillId="0" borderId="2" xfId="2" applyNumberFormat="1" applyFont="1" applyBorder="1"/>
    <xf numFmtId="0" fontId="5" fillId="2" borderId="1" xfId="416" applyFont="1" applyFill="1" applyBorder="1" applyAlignment="1">
      <alignment horizontal="left"/>
    </xf>
    <xf numFmtId="0" fontId="5" fillId="2" borderId="28" xfId="416" applyFont="1" applyFill="1" applyBorder="1" applyAlignment="1">
      <alignment horizontal="left"/>
    </xf>
    <xf numFmtId="0" fontId="8" fillId="2" borderId="1" xfId="2" applyFont="1" applyFill="1" applyBorder="1" applyAlignment="1">
      <alignment horizontal="center" vertical="center" wrapText="1"/>
    </xf>
  </cellXfs>
  <cellStyles count="577">
    <cellStyle name="_Grafer till ÅR 2011_J Lundberg 130129" xfId="5"/>
    <cellStyle name="_Row3" xfId="6"/>
    <cellStyle name="_Securitisation_2011-12-31_V3" xfId="7"/>
    <cellStyle name="_Securitisation_2012-12-31" xfId="8"/>
    <cellStyle name="=C:\WINNT35\SYSTEM32\COMMAND.COM" xfId="9"/>
    <cellStyle name="20% - Accent1 2" xfId="10"/>
    <cellStyle name="20% - Accent1 2 2" xfId="11"/>
    <cellStyle name="20% - Accent1 3" xfId="12"/>
    <cellStyle name="20% - Accent2 2" xfId="13"/>
    <cellStyle name="20% - Accent2 2 2" xfId="14"/>
    <cellStyle name="20% - Accent2 3" xfId="15"/>
    <cellStyle name="20% - Accent3 2" xfId="16"/>
    <cellStyle name="20% - Accent3 2 2" xfId="17"/>
    <cellStyle name="20% - Accent3 3" xfId="18"/>
    <cellStyle name="20% - Accent4 2" xfId="19"/>
    <cellStyle name="20% - Accent4 2 2" xfId="20"/>
    <cellStyle name="20% - Accent4 3" xfId="21"/>
    <cellStyle name="20% - Accent5 2" xfId="22"/>
    <cellStyle name="20% - Accent5 2 2" xfId="23"/>
    <cellStyle name="20% - Accent5 3" xfId="24"/>
    <cellStyle name="20% - Accent6 2" xfId="25"/>
    <cellStyle name="20% - Accent6 2 2" xfId="26"/>
    <cellStyle name="20% - Accent6 3" xfId="27"/>
    <cellStyle name="20% - Dekorfärg1" xfId="28"/>
    <cellStyle name="20% - Dekorfärg1 2" xfId="29"/>
    <cellStyle name="20% - Dekorfärg2" xfId="30"/>
    <cellStyle name="20% - Dekorfärg2 2" xfId="31"/>
    <cellStyle name="20% - Dekorfärg3" xfId="32"/>
    <cellStyle name="20% - Dekorfärg3 2" xfId="33"/>
    <cellStyle name="20% - Dekorfärg4" xfId="34"/>
    <cellStyle name="20% - Dekorfärg4 2" xfId="35"/>
    <cellStyle name="20% - Dekorfärg5" xfId="36"/>
    <cellStyle name="20% - Dekorfärg6" xfId="37"/>
    <cellStyle name="20% - Dekorfärg6 2" xfId="38"/>
    <cellStyle name="40% - Accent1 2" xfId="39"/>
    <cellStyle name="40% - Accent1 2 2" xfId="40"/>
    <cellStyle name="40% - Accent1 3" xfId="41"/>
    <cellStyle name="40% - Accent2 2" xfId="42"/>
    <cellStyle name="40% - Accent2 2 2" xfId="43"/>
    <cellStyle name="40% - Accent2 3" xfId="44"/>
    <cellStyle name="40% - Accent3 2" xfId="45"/>
    <cellStyle name="40% - Accent3 2 2" xfId="46"/>
    <cellStyle name="40% - Accent3 3" xfId="47"/>
    <cellStyle name="40% - Accent4 2" xfId="48"/>
    <cellStyle name="40% - Accent4 2 2" xfId="49"/>
    <cellStyle name="40% - Accent4 3" xfId="50"/>
    <cellStyle name="40% - Accent5 2" xfId="51"/>
    <cellStyle name="40% - Accent5 2 2" xfId="52"/>
    <cellStyle name="40% - Accent5 3" xfId="53"/>
    <cellStyle name="40% - Accent6 2" xfId="54"/>
    <cellStyle name="40% - Accent6 2 2" xfId="55"/>
    <cellStyle name="40% - Accent6 3" xfId="56"/>
    <cellStyle name="40% - Dekorfärg1" xfId="57"/>
    <cellStyle name="40% - Dekorfärg1 2" xfId="58"/>
    <cellStyle name="40% - Dekorfärg2" xfId="59"/>
    <cellStyle name="40% - Dekorfärg3" xfId="60"/>
    <cellStyle name="40% - Dekorfärg3 2" xfId="61"/>
    <cellStyle name="40% - Dekorfärg4" xfId="62"/>
    <cellStyle name="40% - Dekorfärg4 2" xfId="63"/>
    <cellStyle name="40% - Dekorfärg5" xfId="64"/>
    <cellStyle name="40% - Dekorfärg5 2" xfId="65"/>
    <cellStyle name="40% - Dekorfärg6" xfId="66"/>
    <cellStyle name="40% - Dekorfärg6 2" xfId="67"/>
    <cellStyle name="60% - Accent1 2" xfId="68"/>
    <cellStyle name="60% - Accent1 2 2" xfId="69"/>
    <cellStyle name="60% - Accent1 3" xfId="70"/>
    <cellStyle name="60% - Accent2 2" xfId="71"/>
    <cellStyle name="60% - Accent2 2 2" xfId="72"/>
    <cellStyle name="60% - Accent2 3" xfId="73"/>
    <cellStyle name="60% - Accent3 2" xfId="74"/>
    <cellStyle name="60% - Accent3 2 2" xfId="75"/>
    <cellStyle name="60% - Accent3 3" xfId="76"/>
    <cellStyle name="60% - Accent4 2" xfId="77"/>
    <cellStyle name="60% - Accent4 2 2" xfId="78"/>
    <cellStyle name="60% - Accent4 3" xfId="79"/>
    <cellStyle name="60% - Accent5 2" xfId="80"/>
    <cellStyle name="60% - Accent5 2 2" xfId="81"/>
    <cellStyle name="60% - Accent5 3" xfId="82"/>
    <cellStyle name="60% - Accent6 2" xfId="83"/>
    <cellStyle name="60% - Accent6 2 2" xfId="84"/>
    <cellStyle name="60% - Accent6 3" xfId="85"/>
    <cellStyle name="60% - Dekorfärg1" xfId="86"/>
    <cellStyle name="60% - Dekorfärg1 2" xfId="87"/>
    <cellStyle name="60% - Dekorfärg2" xfId="88"/>
    <cellStyle name="60% - Dekorfärg2 2" xfId="89"/>
    <cellStyle name="60% - Dekorfärg3" xfId="90"/>
    <cellStyle name="60% - Dekorfärg3 2" xfId="91"/>
    <cellStyle name="60% - Dekorfärg4" xfId="92"/>
    <cellStyle name="60% - Dekorfärg4 2" xfId="93"/>
    <cellStyle name="60% - Dekorfärg5" xfId="94"/>
    <cellStyle name="60% - Dekorfärg5 2" xfId="95"/>
    <cellStyle name="60% - Dekorfärg6" xfId="96"/>
    <cellStyle name="60% - Dekorfärg6 2" xfId="97"/>
    <cellStyle name="Accent1 2" xfId="98"/>
    <cellStyle name="Accent1 2 2" xfId="99"/>
    <cellStyle name="Accent1 3" xfId="100"/>
    <cellStyle name="Accent2 2" xfId="101"/>
    <cellStyle name="Accent2 2 2" xfId="102"/>
    <cellStyle name="Accent2 3" xfId="103"/>
    <cellStyle name="Accent3 2" xfId="104"/>
    <cellStyle name="Accent3 2 2" xfId="105"/>
    <cellStyle name="Accent3 3" xfId="106"/>
    <cellStyle name="Accent4 2" xfId="107"/>
    <cellStyle name="Accent4 2 2" xfId="108"/>
    <cellStyle name="Accent4 3" xfId="109"/>
    <cellStyle name="Accent5 2" xfId="110"/>
    <cellStyle name="Accent5 2 2" xfId="111"/>
    <cellStyle name="Accent5 3" xfId="112"/>
    <cellStyle name="Accent6 2" xfId="113"/>
    <cellStyle name="Accent6 2 2" xfId="114"/>
    <cellStyle name="Accent6 3" xfId="115"/>
    <cellStyle name="Anteckning" xfId="116"/>
    <cellStyle name="Anteckning 2" xfId="117"/>
    <cellStyle name="Anteckning 3" xfId="118"/>
    <cellStyle name="Anteckning 3 2" xfId="119"/>
    <cellStyle name="Anteckning 4" xfId="120"/>
    <cellStyle name="Anteckning 5" xfId="121"/>
    <cellStyle name="Bad 2" xfId="122"/>
    <cellStyle name="Bad 2 2" xfId="123"/>
    <cellStyle name="Bad 3" xfId="124"/>
    <cellStyle name="baseStyle" xfId="125"/>
    <cellStyle name="Belopp" xfId="572"/>
    <cellStyle name="Beräkning" xfId="126"/>
    <cellStyle name="Beräkning 2" xfId="127"/>
    <cellStyle name="Bra" xfId="128"/>
    <cellStyle name="Bra 2" xfId="129"/>
    <cellStyle name="Calculation 2" xfId="130"/>
    <cellStyle name="Calculation 2 2" xfId="131"/>
    <cellStyle name="Calculation 3" xfId="132"/>
    <cellStyle name="Check Cell 2" xfId="133"/>
    <cellStyle name="Check Cell 2 2" xfId="134"/>
    <cellStyle name="Check Cell 3" xfId="135"/>
    <cellStyle name="columnHeader" xfId="136"/>
    <cellStyle name="Comma 2" xfId="137"/>
    <cellStyle name="Comma 2 2" xfId="138"/>
    <cellStyle name="Comma 2 2 2" xfId="139"/>
    <cellStyle name="Comma 2 2 2 2" xfId="140"/>
    <cellStyle name="Comma 2 2 3" xfId="141"/>
    <cellStyle name="Comma 2 3" xfId="142"/>
    <cellStyle name="Comma 2 3 2" xfId="143"/>
    <cellStyle name="Comma 2 3 3" xfId="144"/>
    <cellStyle name="Comma 2 4" xfId="145"/>
    <cellStyle name="Comma 2 5" xfId="146"/>
    <cellStyle name="Comma 3" xfId="147"/>
    <cellStyle name="Comma 3 2" xfId="148"/>
    <cellStyle name="Comma 3 2 2" xfId="149"/>
    <cellStyle name="Comma 4" xfId="150"/>
    <cellStyle name="Comma 4 2" xfId="151"/>
    <cellStyle name="Comma 4 3" xfId="152"/>
    <cellStyle name="Comma 5" xfId="153"/>
    <cellStyle name="Comma 5 2" xfId="154"/>
    <cellStyle name="Comma 6" xfId="155"/>
    <cellStyle name="Comma 6 2" xfId="156"/>
    <cellStyle name="Comma 7" xfId="157"/>
    <cellStyle name="Comma 7 2" xfId="158"/>
    <cellStyle name="Comma 8" xfId="159"/>
    <cellStyle name="Dålig" xfId="160"/>
    <cellStyle name="Dålig 2" xfId="161"/>
    <cellStyle name="Euro" xfId="162"/>
    <cellStyle name="Euro 2" xfId="163"/>
    <cellStyle name="Euro 3" xfId="164"/>
    <cellStyle name="Euro 3 2" xfId="165"/>
    <cellStyle name="Euro 4" xfId="166"/>
    <cellStyle name="Euro 5" xfId="167"/>
    <cellStyle name="Explanatory Text 2" xfId="168"/>
    <cellStyle name="Explanatory Text 2 2" xfId="169"/>
    <cellStyle name="Explanatory Text 3" xfId="170"/>
    <cellStyle name="Färg1" xfId="171"/>
    <cellStyle name="Färg1 2" xfId="172"/>
    <cellStyle name="Färg2" xfId="173"/>
    <cellStyle name="Färg2 2" xfId="174"/>
    <cellStyle name="Färg3" xfId="175"/>
    <cellStyle name="Färg3 2" xfId="176"/>
    <cellStyle name="Färg4" xfId="177"/>
    <cellStyle name="Färg4 2" xfId="178"/>
    <cellStyle name="Färg5" xfId="179"/>
    <cellStyle name="Färg6" xfId="180"/>
    <cellStyle name="Färg6 2" xfId="181"/>
    <cellStyle name="Förklarande text" xfId="182"/>
    <cellStyle name="Good 2" xfId="183"/>
    <cellStyle name="Good 2 2" xfId="184"/>
    <cellStyle name="Good 3" xfId="185"/>
    <cellStyle name="GPM_Allocation" xfId="186"/>
    <cellStyle name="Heading 1 2" xfId="187"/>
    <cellStyle name="Heading 1 2 2" xfId="188"/>
    <cellStyle name="Heading 1 3" xfId="189"/>
    <cellStyle name="Heading 2 2" xfId="190"/>
    <cellStyle name="Heading 2 2 2" xfId="191"/>
    <cellStyle name="Heading 2 3" xfId="192"/>
    <cellStyle name="Heading 2 4" xfId="193"/>
    <cellStyle name="Heading 3 2" xfId="194"/>
    <cellStyle name="Heading 3 2 2" xfId="195"/>
    <cellStyle name="Heading 3 3" xfId="196"/>
    <cellStyle name="Heading 4 2" xfId="197"/>
    <cellStyle name="Heading 4 2 2" xfId="198"/>
    <cellStyle name="Heading 4 3" xfId="199"/>
    <cellStyle name="HeadingTable" xfId="200"/>
    <cellStyle name="Hyperlink 2" xfId="201"/>
    <cellStyle name="Indata" xfId="202"/>
    <cellStyle name="Indata 2" xfId="203"/>
    <cellStyle name="Input 2" xfId="204"/>
    <cellStyle name="Input 2 2" xfId="205"/>
    <cellStyle name="Input 3" xfId="206"/>
    <cellStyle name="Konto" xfId="573"/>
    <cellStyle name="Kontrollcell" xfId="207"/>
    <cellStyle name="Kunr" xfId="574"/>
    <cellStyle name="Linked Cell 2" xfId="208"/>
    <cellStyle name="Linked Cell 2 2" xfId="209"/>
    <cellStyle name="Linked Cell 3" xfId="210"/>
    <cellStyle name="Länkad cell" xfId="211"/>
    <cellStyle name="Länkad cell 2" xfId="212"/>
    <cellStyle name="Milliers [0]_3A_NumeratorReport_Option1_040611" xfId="213"/>
    <cellStyle name="Milliers_3A_NumeratorReport_Option1_040611" xfId="214"/>
    <cellStyle name="Monétaire [0]_3A_NumeratorReport_Option1_040611" xfId="215"/>
    <cellStyle name="Monétaire_3A_NumeratorReport_Option1_040611" xfId="216"/>
    <cellStyle name="Neutral 2" xfId="217"/>
    <cellStyle name="Neutral 2 2" xfId="218"/>
    <cellStyle name="Neutral 3" xfId="219"/>
    <cellStyle name="Normaallaad_alco08.04" xfId="220"/>
    <cellStyle name="Normal" xfId="0" builtinId="0" customBuiltin="1"/>
    <cellStyle name="Normal 10" xfId="2"/>
    <cellStyle name="Normal 10 2" xfId="221"/>
    <cellStyle name="Normal 10 2 2" xfId="222"/>
    <cellStyle name="Normal 10 2 3" xfId="223"/>
    <cellStyle name="Normal 10 3" xfId="224"/>
    <cellStyle name="Normal 10 4" xfId="225"/>
    <cellStyle name="Normal 11" xfId="226"/>
    <cellStyle name="Normal 11 2" xfId="227"/>
    <cellStyle name="Normal 12" xfId="228"/>
    <cellStyle name="Normal 2" xfId="4"/>
    <cellStyle name="Normal 2 2" xfId="3"/>
    <cellStyle name="Normal 2 2 10" xfId="229"/>
    <cellStyle name="Normal 2 2 10 2" xfId="230"/>
    <cellStyle name="Normal 2 2 10 3" xfId="231"/>
    <cellStyle name="Normal 2 2 11" xfId="232"/>
    <cellStyle name="Normal 2 2 12" xfId="233"/>
    <cellStyle name="Normal 2 2 13" xfId="234"/>
    <cellStyle name="Normal 2 2 2" xfId="235"/>
    <cellStyle name="Normal 2 2 3" xfId="236"/>
    <cellStyle name="Normal 2 2 3 10" xfId="237"/>
    <cellStyle name="Normal 2 2 3 2" xfId="238"/>
    <cellStyle name="Normal 2 2 3 2 2" xfId="239"/>
    <cellStyle name="Normal 2 2 3 2 2 2" xfId="240"/>
    <cellStyle name="Normal 2 2 3 2 2 2 2" xfId="241"/>
    <cellStyle name="Normal 2 2 3 2 2 2 3" xfId="242"/>
    <cellStyle name="Normal 2 2 3 2 2 3" xfId="243"/>
    <cellStyle name="Normal 2 2 3 2 2 4" xfId="244"/>
    <cellStyle name="Normal 2 2 3 2 3" xfId="245"/>
    <cellStyle name="Normal 2 2 3 2 3 2" xfId="246"/>
    <cellStyle name="Normal 2 2 3 2 3 2 2" xfId="247"/>
    <cellStyle name="Normal 2 2 3 2 3 2 3" xfId="248"/>
    <cellStyle name="Normal 2 2 3 2 3 3" xfId="249"/>
    <cellStyle name="Normal 2 2 3 2 3 4" xfId="250"/>
    <cellStyle name="Normal 2 2 3 2 4" xfId="251"/>
    <cellStyle name="Normal 2 2 3 2 4 2" xfId="252"/>
    <cellStyle name="Normal 2 2 3 2 4 2 2" xfId="253"/>
    <cellStyle name="Normal 2 2 3 2 4 2 3" xfId="254"/>
    <cellStyle name="Normal 2 2 3 2 4 3" xfId="255"/>
    <cellStyle name="Normal 2 2 3 2 4 4" xfId="256"/>
    <cellStyle name="Normal 2 2 3 2 5" xfId="257"/>
    <cellStyle name="Normal 2 2 3 2 5 2" xfId="258"/>
    <cellStyle name="Normal 2 2 3 2 5 3" xfId="259"/>
    <cellStyle name="Normal 2 2 3 2 6" xfId="260"/>
    <cellStyle name="Normal 2 2 3 2 7" xfId="261"/>
    <cellStyle name="Normal 2 2 3 2 8" xfId="262"/>
    <cellStyle name="Normal 2 2 3 3" xfId="263"/>
    <cellStyle name="Normal 2 2 3 3 2" xfId="264"/>
    <cellStyle name="Normal 2 2 3 3 2 2" xfId="265"/>
    <cellStyle name="Normal 2 2 3 3 2 3" xfId="266"/>
    <cellStyle name="Normal 2 2 3 3 3" xfId="267"/>
    <cellStyle name="Normal 2 2 3 3 4" xfId="268"/>
    <cellStyle name="Normal 2 2 3 4" xfId="269"/>
    <cellStyle name="Normal 2 2 3 4 2" xfId="270"/>
    <cellStyle name="Normal 2 2 3 4 2 2" xfId="271"/>
    <cellStyle name="Normal 2 2 3 4 2 3" xfId="272"/>
    <cellStyle name="Normal 2 2 3 4 3" xfId="273"/>
    <cellStyle name="Normal 2 2 3 4 4" xfId="274"/>
    <cellStyle name="Normal 2 2 3 5" xfId="275"/>
    <cellStyle name="Normal 2 2 3 5 2" xfId="276"/>
    <cellStyle name="Normal 2 2 3 5 2 2" xfId="277"/>
    <cellStyle name="Normal 2 2 3 5 2 3" xfId="278"/>
    <cellStyle name="Normal 2 2 3 5 3" xfId="279"/>
    <cellStyle name="Normal 2 2 3 5 4" xfId="280"/>
    <cellStyle name="Normal 2 2 3 6" xfId="281"/>
    <cellStyle name="Normal 2 2 3 6 2" xfId="282"/>
    <cellStyle name="Normal 2 2 3 6 2 2" xfId="283"/>
    <cellStyle name="Normal 2 2 3 6 2 3" xfId="284"/>
    <cellStyle name="Normal 2 2 3 6 3" xfId="285"/>
    <cellStyle name="Normal 2 2 3 6 4" xfId="286"/>
    <cellStyle name="Normal 2 2 3 7" xfId="287"/>
    <cellStyle name="Normal 2 2 3 7 2" xfId="288"/>
    <cellStyle name="Normal 2 2 3 7 3" xfId="289"/>
    <cellStyle name="Normal 2 2 3 8" xfId="290"/>
    <cellStyle name="Normal 2 2 3 9" xfId="291"/>
    <cellStyle name="Normal 2 2 4" xfId="292"/>
    <cellStyle name="Normal 2 2 4 2" xfId="293"/>
    <cellStyle name="Normal 2 2 4 2 2" xfId="294"/>
    <cellStyle name="Normal 2 2 4 2 2 2" xfId="295"/>
    <cellStyle name="Normal 2 2 4 2 2 2 2" xfId="296"/>
    <cellStyle name="Normal 2 2 4 2 2 2 3" xfId="297"/>
    <cellStyle name="Normal 2 2 4 2 2 3" xfId="298"/>
    <cellStyle name="Normal 2 2 4 2 2 4" xfId="299"/>
    <cellStyle name="Normal 2 2 4 2 3" xfId="300"/>
    <cellStyle name="Normal 2 2 4 2 3 2" xfId="301"/>
    <cellStyle name="Normal 2 2 4 2 3 3" xfId="302"/>
    <cellStyle name="Normal 2 2 4 2 4" xfId="303"/>
    <cellStyle name="Normal 2 2 4 2 5" xfId="304"/>
    <cellStyle name="Normal 2 2 4 3" xfId="305"/>
    <cellStyle name="Normal 2 2 4 3 2" xfId="306"/>
    <cellStyle name="Normal 2 2 4 3 2 2" xfId="307"/>
    <cellStyle name="Normal 2 2 4 3 2 3" xfId="308"/>
    <cellStyle name="Normal 2 2 4 3 3" xfId="309"/>
    <cellStyle name="Normal 2 2 4 3 4" xfId="310"/>
    <cellStyle name="Normal 2 2 4 4" xfId="311"/>
    <cellStyle name="Normal 2 2 4 4 2" xfId="312"/>
    <cellStyle name="Normal 2 2 4 4 2 2" xfId="313"/>
    <cellStyle name="Normal 2 2 4 4 2 3" xfId="314"/>
    <cellStyle name="Normal 2 2 4 4 3" xfId="315"/>
    <cellStyle name="Normal 2 2 4 4 4" xfId="316"/>
    <cellStyle name="Normal 2 2 4 5" xfId="317"/>
    <cellStyle name="Normal 2 2 4 5 2" xfId="318"/>
    <cellStyle name="Normal 2 2 4 5 3" xfId="319"/>
    <cellStyle name="Normal 2 2 4 6" xfId="320"/>
    <cellStyle name="Normal 2 2 4 7" xfId="321"/>
    <cellStyle name="Normal 2 2 4 8" xfId="322"/>
    <cellStyle name="Normal 2 2 5" xfId="323"/>
    <cellStyle name="Normal 2 2 5 2" xfId="324"/>
    <cellStyle name="Normal 2 2 5 2 2" xfId="325"/>
    <cellStyle name="Normal 2 2 5 2 2 2" xfId="326"/>
    <cellStyle name="Normal 2 2 5 2 2 3" xfId="327"/>
    <cellStyle name="Normal 2 2 5 2 3" xfId="328"/>
    <cellStyle name="Normal 2 2 5 2 4" xfId="329"/>
    <cellStyle name="Normal 2 2 5 3" xfId="330"/>
    <cellStyle name="Normal 2 2 5 3 2" xfId="331"/>
    <cellStyle name="Normal 2 2 5 3 2 2" xfId="332"/>
    <cellStyle name="Normal 2 2 5 3 2 3" xfId="333"/>
    <cellStyle name="Normal 2 2 5 3 3" xfId="334"/>
    <cellStyle name="Normal 2 2 5 3 4" xfId="335"/>
    <cellStyle name="Normal 2 2 5 4" xfId="336"/>
    <cellStyle name="Normal 2 2 5 4 2" xfId="337"/>
    <cellStyle name="Normal 2 2 5 4 3" xfId="338"/>
    <cellStyle name="Normal 2 2 5 5" xfId="339"/>
    <cellStyle name="Normal 2 2 5 6" xfId="340"/>
    <cellStyle name="Normal 2 2 5 7" xfId="341"/>
    <cellStyle name="Normal 2 2 6" xfId="342"/>
    <cellStyle name="Normal 2 2 6 2" xfId="343"/>
    <cellStyle name="Normal 2 2 6 2 2" xfId="344"/>
    <cellStyle name="Normal 2 2 6 2 2 2" xfId="345"/>
    <cellStyle name="Normal 2 2 6 2 2 3" xfId="346"/>
    <cellStyle name="Normal 2 2 6 2 3" xfId="347"/>
    <cellStyle name="Normal 2 2 6 2 4" xfId="348"/>
    <cellStyle name="Normal 2 2 6 3" xfId="349"/>
    <cellStyle name="Normal 2 2 6 3 2" xfId="350"/>
    <cellStyle name="Normal 2 2 6 3 2 2" xfId="351"/>
    <cellStyle name="Normal 2 2 6 3 2 3" xfId="352"/>
    <cellStyle name="Normal 2 2 6 3 3" xfId="353"/>
    <cellStyle name="Normal 2 2 6 3 4" xfId="354"/>
    <cellStyle name="Normal 2 2 6 4" xfId="355"/>
    <cellStyle name="Normal 2 2 6 4 2" xfId="356"/>
    <cellStyle name="Normal 2 2 6 4 3" xfId="357"/>
    <cellStyle name="Normal 2 2 6 5" xfId="358"/>
    <cellStyle name="Normal 2 2 6 6" xfId="359"/>
    <cellStyle name="Normal 2 2 6 7" xfId="360"/>
    <cellStyle name="Normal 2 2 7" xfId="361"/>
    <cellStyle name="Normal 2 2 7 2" xfId="362"/>
    <cellStyle name="Normal 2 2 7 2 2" xfId="363"/>
    <cellStyle name="Normal 2 2 7 2 3" xfId="364"/>
    <cellStyle name="Normal 2 2 7 3" xfId="365"/>
    <cellStyle name="Normal 2 2 7 4" xfId="366"/>
    <cellStyle name="Normal 2 2 8" xfId="367"/>
    <cellStyle name="Normal 2 2 8 2" xfId="368"/>
    <cellStyle name="Normal 2 2 8 2 2" xfId="369"/>
    <cellStyle name="Normal 2 2 8 2 3" xfId="370"/>
    <cellStyle name="Normal 2 2 8 3" xfId="371"/>
    <cellStyle name="Normal 2 2 8 4" xfId="372"/>
    <cellStyle name="Normal 2 2 9" xfId="373"/>
    <cellStyle name="Normal 2 2 9 2" xfId="374"/>
    <cellStyle name="Normal 2 2 9 2 2" xfId="375"/>
    <cellStyle name="Normal 2 2 9 2 3" xfId="376"/>
    <cellStyle name="Normal 2 2 9 3" xfId="377"/>
    <cellStyle name="Normal 2 2 9 4" xfId="378"/>
    <cellStyle name="Normal 2 3" xfId="379"/>
    <cellStyle name="Normal 2 3 2" xfId="380"/>
    <cellStyle name="Normal 2 4" xfId="381"/>
    <cellStyle name="Normal 2 4 2" xfId="382"/>
    <cellStyle name="Normal 2 4 2 2" xfId="383"/>
    <cellStyle name="Normal 2 4 2 2 2" xfId="384"/>
    <cellStyle name="Normal 2 4 2 2 3" xfId="385"/>
    <cellStyle name="Normal 2 4 2 3" xfId="386"/>
    <cellStyle name="Normal 2 4 2 4" xfId="387"/>
    <cellStyle name="Normal 2 4 3" xfId="388"/>
    <cellStyle name="Normal 2 4 3 2" xfId="389"/>
    <cellStyle name="Normal 2 4 3 2 2" xfId="390"/>
    <cellStyle name="Normal 2 4 3 2 3" xfId="391"/>
    <cellStyle name="Normal 2 4 3 3" xfId="392"/>
    <cellStyle name="Normal 2 4 3 4" xfId="393"/>
    <cellStyle name="Normal 2 5" xfId="394"/>
    <cellStyle name="Normal 2 5 2" xfId="395"/>
    <cellStyle name="Normal 2 6" xfId="396"/>
    <cellStyle name="Normal 2 6 2" xfId="397"/>
    <cellStyle name="Normal 2 6 2 2" xfId="398"/>
    <cellStyle name="Normal 2 6 2 3" xfId="399"/>
    <cellStyle name="Normal 2 6 3" xfId="400"/>
    <cellStyle name="Normal 2 6 4" xfId="401"/>
    <cellStyle name="Normal 2 6 5" xfId="402"/>
    <cellStyle name="Normal 2 6 6" xfId="403"/>
    <cellStyle name="Normal 2 7" xfId="404"/>
    <cellStyle name="Normal 2 8" xfId="405"/>
    <cellStyle name="Normal 2 9" xfId="406"/>
    <cellStyle name="Normal 3" xfId="1"/>
    <cellStyle name="Normal 3 2" xfId="407"/>
    <cellStyle name="Normal 3 2 2" xfId="408"/>
    <cellStyle name="Normal 3 3" xfId="409"/>
    <cellStyle name="Normal 3 3 2" xfId="410"/>
    <cellStyle name="Normal 3 4" xfId="411"/>
    <cellStyle name="Normal 3 4 2" xfId="412"/>
    <cellStyle name="Normal 3 4 3" xfId="413"/>
    <cellStyle name="Normal 3 5" xfId="414"/>
    <cellStyle name="Normal 4" xfId="415"/>
    <cellStyle name="Normal 4 2" xfId="416"/>
    <cellStyle name="Normal 4 2 2" xfId="417"/>
    <cellStyle name="Normal 4 2 3" xfId="418"/>
    <cellStyle name="Normal 4 3" xfId="419"/>
    <cellStyle name="Normal 4 3 2" xfId="420"/>
    <cellStyle name="Normal 4 4" xfId="421"/>
    <cellStyle name="Normal 5" xfId="422"/>
    <cellStyle name="Normal 5 2" xfId="423"/>
    <cellStyle name="Normal 5 2 10" xfId="424"/>
    <cellStyle name="Normal 5 2 2" xfId="425"/>
    <cellStyle name="Normal 5 2 2 2" xfId="426"/>
    <cellStyle name="Normal 5 2 2 2 2" xfId="427"/>
    <cellStyle name="Normal 5 2 2 2 2 2" xfId="428"/>
    <cellStyle name="Normal 5 2 2 2 2 3" xfId="429"/>
    <cellStyle name="Normal 5 2 2 2 3" xfId="430"/>
    <cellStyle name="Normal 5 2 2 2 4" xfId="431"/>
    <cellStyle name="Normal 5 2 2 3" xfId="432"/>
    <cellStyle name="Normal 5 2 2 3 2" xfId="433"/>
    <cellStyle name="Normal 5 2 2 3 2 2" xfId="434"/>
    <cellStyle name="Normal 5 2 2 3 2 3" xfId="435"/>
    <cellStyle name="Normal 5 2 2 3 3" xfId="436"/>
    <cellStyle name="Normal 5 2 2 3 4" xfId="437"/>
    <cellStyle name="Normal 5 2 2 4" xfId="438"/>
    <cellStyle name="Normal 5 2 2 4 2" xfId="439"/>
    <cellStyle name="Normal 5 2 2 4 2 2" xfId="440"/>
    <cellStyle name="Normal 5 2 2 4 2 3" xfId="441"/>
    <cellStyle name="Normal 5 2 2 4 3" xfId="442"/>
    <cellStyle name="Normal 5 2 2 4 4" xfId="443"/>
    <cellStyle name="Normal 5 2 2 5" xfId="444"/>
    <cellStyle name="Normal 5 2 2 5 2" xfId="445"/>
    <cellStyle name="Normal 5 2 2 5 3" xfId="446"/>
    <cellStyle name="Normal 5 2 2 6" xfId="447"/>
    <cellStyle name="Normal 5 2 2 7" xfId="448"/>
    <cellStyle name="Normal 5 2 3" xfId="449"/>
    <cellStyle name="Normal 5 2 3 2" xfId="450"/>
    <cellStyle name="Normal 5 2 3 2 2" xfId="451"/>
    <cellStyle name="Normal 5 2 3 2 3" xfId="452"/>
    <cellStyle name="Normal 5 2 3 3" xfId="453"/>
    <cellStyle name="Normal 5 2 3 4" xfId="454"/>
    <cellStyle name="Normal 5 2 4" xfId="455"/>
    <cellStyle name="Normal 5 2 4 2" xfId="456"/>
    <cellStyle name="Normal 5 2 4 2 2" xfId="457"/>
    <cellStyle name="Normal 5 2 4 2 3" xfId="458"/>
    <cellStyle name="Normal 5 2 4 3" xfId="459"/>
    <cellStyle name="Normal 5 2 4 4" xfId="460"/>
    <cellStyle name="Normal 5 2 5" xfId="461"/>
    <cellStyle name="Normal 5 2 5 2" xfId="462"/>
    <cellStyle name="Normal 5 2 5 2 2" xfId="463"/>
    <cellStyle name="Normal 5 2 5 2 3" xfId="464"/>
    <cellStyle name="Normal 5 2 5 3" xfId="465"/>
    <cellStyle name="Normal 5 2 5 4" xfId="466"/>
    <cellStyle name="Normal 5 2 6" xfId="467"/>
    <cellStyle name="Normal 5 2 6 2" xfId="468"/>
    <cellStyle name="Normal 5 2 6 2 2" xfId="469"/>
    <cellStyle name="Normal 5 2 6 2 3" xfId="470"/>
    <cellStyle name="Normal 5 2 6 3" xfId="471"/>
    <cellStyle name="Normal 5 2 6 4" xfId="472"/>
    <cellStyle name="Normal 5 2 7" xfId="473"/>
    <cellStyle name="Normal 5 2 7 2" xfId="474"/>
    <cellStyle name="Normal 5 2 7 3" xfId="475"/>
    <cellStyle name="Normal 5 2 8" xfId="476"/>
    <cellStyle name="Normal 5 2 9" xfId="477"/>
    <cellStyle name="Normal 5 3" xfId="478"/>
    <cellStyle name="Normal 5 3 2" xfId="479"/>
    <cellStyle name="Normal 5 3 2 2" xfId="480"/>
    <cellStyle name="Normal 5 3 2 2 2" xfId="481"/>
    <cellStyle name="Normal 5 3 2 2 3" xfId="482"/>
    <cellStyle name="Normal 5 3 2 3" xfId="483"/>
    <cellStyle name="Normal 5 3 2 4" xfId="484"/>
    <cellStyle name="Normal 5 3 3" xfId="485"/>
    <cellStyle name="Normal 5 3 3 2" xfId="486"/>
    <cellStyle name="Normal 5 3 3 3" xfId="487"/>
    <cellStyle name="Normal 5 3 4" xfId="488"/>
    <cellStyle name="Normal 5 3 5" xfId="489"/>
    <cellStyle name="Normal 5 3 6" xfId="490"/>
    <cellStyle name="Normal 5 4" xfId="491"/>
    <cellStyle name="Normal 5 5" xfId="492"/>
    <cellStyle name="Normal 6" xfId="493"/>
    <cellStyle name="Normal 6 2" xfId="494"/>
    <cellStyle name="Normal 7" xfId="495"/>
    <cellStyle name="Normal 7 2" xfId="496"/>
    <cellStyle name="Normal 7 2 3 2" xfId="497"/>
    <cellStyle name="Normal 7 3" xfId="498"/>
    <cellStyle name="Normal 7 3 2" xfId="499"/>
    <cellStyle name="Normal 7 3 3" xfId="500"/>
    <cellStyle name="Normal 7 4" xfId="501"/>
    <cellStyle name="Normal 7 5" xfId="502"/>
    <cellStyle name="Normal 7 6" xfId="503"/>
    <cellStyle name="Normal 7 7" xfId="504"/>
    <cellStyle name="Normal 8" xfId="505"/>
    <cellStyle name="Normal 8 2" xfId="506"/>
    <cellStyle name="Normal 8 3" xfId="507"/>
    <cellStyle name="Normal 9" xfId="508"/>
    <cellStyle name="Note 2" xfId="509"/>
    <cellStyle name="Note 3" xfId="510"/>
    <cellStyle name="optionalExposure" xfId="511"/>
    <cellStyle name="Output 2" xfId="512"/>
    <cellStyle name="Output 2 2" xfId="513"/>
    <cellStyle name="Output 3" xfId="514"/>
    <cellStyle name="Output Amounts" xfId="515"/>
    <cellStyle name="Output Column Headings" xfId="516"/>
    <cellStyle name="Output Line Items" xfId="517"/>
    <cellStyle name="Output Report Heading" xfId="518"/>
    <cellStyle name="Output Report Title" xfId="519"/>
    <cellStyle name="Percent 10" xfId="520"/>
    <cellStyle name="Percent 2" xfId="521"/>
    <cellStyle name="Percent 2 2" xfId="522"/>
    <cellStyle name="Percent 2 3" xfId="523"/>
    <cellStyle name="Percent 2 3 2" xfId="524"/>
    <cellStyle name="Percent 2 4" xfId="525"/>
    <cellStyle name="Percent 2 5" xfId="526"/>
    <cellStyle name="Percent 3" xfId="527"/>
    <cellStyle name="Percent 3 2" xfId="528"/>
    <cellStyle name="Percent 4" xfId="529"/>
    <cellStyle name="Percent 4 2" xfId="530"/>
    <cellStyle name="Percent 5" xfId="531"/>
    <cellStyle name="Percent 6" xfId="532"/>
    <cellStyle name="Percent 6 2" xfId="533"/>
    <cellStyle name="Percent 7" xfId="534"/>
    <cellStyle name="Percent 8" xfId="535"/>
    <cellStyle name="Percent 9" xfId="536"/>
    <cellStyle name="periodHeader" xfId="537"/>
    <cellStyle name="Redtyp" xfId="575"/>
    <cellStyle name="Rubrik" xfId="538"/>
    <cellStyle name="Rubrik 1" xfId="539"/>
    <cellStyle name="Rubrik 1 2" xfId="540"/>
    <cellStyle name="Rubrik 2" xfId="541"/>
    <cellStyle name="Rubrik 2 2" xfId="542"/>
    <cellStyle name="Rubrik 3" xfId="543"/>
    <cellStyle name="Rubrik 3 2" xfId="544"/>
    <cellStyle name="Rubrik 4" xfId="545"/>
    <cellStyle name="Rubrik 4 2" xfId="546"/>
    <cellStyle name="Rubrik 5" xfId="547"/>
    <cellStyle name="SEB Green Background" xfId="548"/>
    <cellStyle name="SEB Header" xfId="549"/>
    <cellStyle name="SEB Normal" xfId="550"/>
    <cellStyle name="SEB Table Header Row" xfId="551"/>
    <cellStyle name="SEB Table Row" xfId="552"/>
    <cellStyle name="Style 1" xfId="553"/>
    <cellStyle name="Summa" xfId="554"/>
    <cellStyle name="Summa 2" xfId="555"/>
    <cellStyle name="Title 2" xfId="556"/>
    <cellStyle name="Title 2 2" xfId="557"/>
    <cellStyle name="Title 3" xfId="558"/>
    <cellStyle name="Total 2" xfId="559"/>
    <cellStyle name="Total 2 2" xfId="560"/>
    <cellStyle name="Total 3" xfId="561"/>
    <cellStyle name="Tusental (0)_Antal år" xfId="562"/>
    <cellStyle name="Tusental_5.1 CounterParty Risk" xfId="563"/>
    <cellStyle name="Urmo_D-Options" xfId="564"/>
    <cellStyle name="Utdata" xfId="565"/>
    <cellStyle name="Utdata 2" xfId="566"/>
    <cellStyle name="Valuta (0)_Antal år" xfId="567"/>
    <cellStyle name="Warning Text 2" xfId="568"/>
    <cellStyle name="Warning Text 2 2" xfId="569"/>
    <cellStyle name="Warning Text 3" xfId="570"/>
    <cellStyle name="Varningstext" xfId="571"/>
    <cellStyle name="Verifnr" xfId="576"/>
  </cellStyles>
  <dxfs count="0"/>
  <tableStyles count="0" defaultTableStyle="TableStyleMedium2" defaultPivotStyle="PivotStyleLight16"/>
  <colors>
    <mruColors>
      <color rgb="FFC0C0C0"/>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5" Type="http://schemas.openxmlformats.org/officeDocument/2006/relationships/externalLink" Target="externalLinks/externalLink3.xml"/><Relationship Id="rId10" Type="http://schemas.openxmlformats.org/officeDocument/2006/relationships/sharedStrings" Target="sharedStrings.xml"/><Relationship Id="rId4" Type="http://schemas.openxmlformats.org/officeDocument/2006/relationships/externalLink" Target="externalLinks/externalLink2.xml"/><Relationship Id="rId9"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06%20PCC\F&#246;rlagsl&#229;n\2014\Forlag%20201404%20med%20specar.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fcg006a\dg-54619$\a_Group%20Reporting%20&amp;%20Controlling\Capital%20adequacy\Reporting%20Internal\Capital%20base\Kapitalt&#228;ck%202017\Own%20funds%202017%200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85087\AppData\Local\Microsoft\Windows\Temporary%20Internet%20Files\Content.IE5\8USFDN3J\INS0000391_0A000BE9-9ECF-4109-AFCD-4522FB0F47D9_170113-095623.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06%20PCC\F&#246;rlagsl&#229;n\2012\Forlag%20201209%20med%20specar.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85087\AppData\Local\Microsoft\Windows\Temporary%20Internet%20Files\Content.Outlook\W7AV6HJO\Table%2010%20Transitional%20OF%20_%20Direct%20and%20indirect%20holding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matning"/>
      <sheetName val="AUD"/>
      <sheetName val="SGD"/>
      <sheetName val="CHF"/>
      <sheetName val="DEM"/>
      <sheetName val="DKK"/>
      <sheetName val="GBP"/>
      <sheetName val="JPY"/>
      <sheetName val="USD"/>
      <sheetName val="EUR"/>
      <sheetName val="SEK"/>
      <sheetName val="Uppr underkurs"/>
      <sheetName val="0-kup"/>
      <sheetName val="Manus 0-kup, underk"/>
      <sheetName val="Uppköpskonto"/>
      <sheetName val="Borrat i BR"/>
      <sheetName val="Avstämning"/>
      <sheetName val="Specen"/>
      <sheetName val="Swappar"/>
      <sheetName val="Summa 0-kup (oswappat)"/>
      <sheetName val="Manus nom bel"/>
      <sheetName val="Löptid &gt;1"/>
      <sheetName val="Kapitalbas"/>
      <sheetName val="Årsred"/>
      <sheetName val="Utskriftsmakron"/>
      <sheetName val="Rates"/>
      <sheetName val="FIB"/>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Key figures"/>
      <sheetName val="Own funds"/>
      <sheetName val="REA and capital req"/>
      <sheetName val="Basel III fully impl 2013"/>
      <sheetName val="Cap base in currencies"/>
      <sheetName val="Currency analysis"/>
      <sheetName val="Changes currency"/>
      <sheetName val="Rates"/>
      <sheetName val="Leverage ratio US"/>
      <sheetName val="Basel III Leverage Ratio"/>
      <sheetName val="Balance sheet SEB Group"/>
      <sheetName val="REA Basel 1"/>
      <sheetName val="REA Trends Basel I"/>
      <sheetName val="Goodwill_investment"/>
      <sheetName val="zzzEquity"/>
      <sheetName val="Equity"/>
      <sheetName val="Livs kapital"/>
      <sheetName val="Subordinated loans"/>
      <sheetName val="Intangibles Deferred tax"/>
      <sheetName val="Pensions"/>
      <sheetName val="IRB cube"/>
      <sheetName val="STD cube"/>
      <sheetName val="Liquidity"/>
      <sheetName val="CSXLStore"/>
      <sheetName val="zzzDividend"/>
      <sheetName val="csxlDESheet1"/>
      <sheetName val="csxlDESheet2"/>
      <sheetName val="OCA"/>
      <sheetName val="Market risk"/>
      <sheetName val="Operational risk"/>
      <sheetName val="CCB Q4 2017"/>
      <sheetName val="Retained earnings"/>
      <sheetName val="1080 Own funds"/>
      <sheetName val="External ENG"/>
      <sheetName val="External SWE"/>
      <sheetName val="Own Funds external"/>
      <sheetName val="external tables Parent"/>
      <sheetName val="Sheet1"/>
      <sheetName val="csxlDESheet3"/>
    </sheetNames>
    <sheetDataSet>
      <sheetData sheetId="0"/>
      <sheetData sheetId="1"/>
      <sheetData sheetId="2"/>
      <sheetData sheetId="3" refreshError="1"/>
      <sheetData sheetId="4" refreshError="1"/>
      <sheetData sheetId="5" refreshError="1"/>
      <sheetData sheetId="6" refreshError="1"/>
      <sheetData sheetId="7">
        <row r="26">
          <cell r="B26">
            <v>2</v>
          </cell>
          <cell r="C26" t="str">
            <v>Jan 2012</v>
          </cell>
        </row>
        <row r="27">
          <cell r="B27">
            <v>3</v>
          </cell>
          <cell r="C27" t="str">
            <v>Feb 2012</v>
          </cell>
          <cell r="G27" t="str">
            <v>Local</v>
          </cell>
          <cell r="H27">
            <v>2</v>
          </cell>
        </row>
        <row r="28">
          <cell r="B28">
            <v>4</v>
          </cell>
          <cell r="C28" t="str">
            <v>Mar 2012</v>
          </cell>
          <cell r="G28" t="str">
            <v>SEK</v>
          </cell>
          <cell r="H28">
            <v>3</v>
          </cell>
        </row>
        <row r="29">
          <cell r="B29">
            <v>5</v>
          </cell>
          <cell r="C29" t="str">
            <v>Q1 2012</v>
          </cell>
          <cell r="G29" t="str">
            <v>CHF</v>
          </cell>
          <cell r="H29">
            <v>4</v>
          </cell>
        </row>
        <row r="30">
          <cell r="B30">
            <v>6</v>
          </cell>
          <cell r="C30" t="str">
            <v>Apr 2012</v>
          </cell>
          <cell r="G30" t="str">
            <v>DKK</v>
          </cell>
          <cell r="H30">
            <v>5</v>
          </cell>
        </row>
        <row r="31">
          <cell r="B31">
            <v>7</v>
          </cell>
          <cell r="C31" t="str">
            <v>May 2012</v>
          </cell>
          <cell r="G31" t="str">
            <v>EEK</v>
          </cell>
          <cell r="H31">
            <v>6</v>
          </cell>
        </row>
        <row r="32">
          <cell r="B32">
            <v>8</v>
          </cell>
          <cell r="C32" t="str">
            <v>Jun 2012</v>
          </cell>
          <cell r="G32" t="str">
            <v>EUR</v>
          </cell>
          <cell r="H32">
            <v>7</v>
          </cell>
        </row>
        <row r="33">
          <cell r="B33">
            <v>9</v>
          </cell>
          <cell r="C33" t="str">
            <v>Q2 2012</v>
          </cell>
          <cell r="G33" t="str">
            <v>GBP</v>
          </cell>
          <cell r="H33">
            <v>8</v>
          </cell>
        </row>
        <row r="34">
          <cell r="B34">
            <v>10</v>
          </cell>
          <cell r="C34" t="str">
            <v>Jul 2012</v>
          </cell>
          <cell r="G34" t="str">
            <v>HKD</v>
          </cell>
          <cell r="H34">
            <v>9</v>
          </cell>
        </row>
        <row r="35">
          <cell r="B35">
            <v>11</v>
          </cell>
          <cell r="C35" t="str">
            <v>Aug 2012</v>
          </cell>
          <cell r="G35" t="str">
            <v>LTL</v>
          </cell>
          <cell r="H35">
            <v>10</v>
          </cell>
        </row>
        <row r="36">
          <cell r="B36">
            <v>12</v>
          </cell>
          <cell r="C36" t="str">
            <v>Sep 2012</v>
          </cell>
          <cell r="G36" t="str">
            <v>LVL</v>
          </cell>
          <cell r="H36">
            <v>11</v>
          </cell>
        </row>
        <row r="37">
          <cell r="B37">
            <v>13</v>
          </cell>
          <cell r="C37" t="str">
            <v>Q3 2012</v>
          </cell>
          <cell r="G37" t="str">
            <v>NOK</v>
          </cell>
          <cell r="H37">
            <v>12</v>
          </cell>
        </row>
        <row r="38">
          <cell r="B38">
            <v>14</v>
          </cell>
          <cell r="C38" t="str">
            <v>Oct 2012</v>
          </cell>
          <cell r="G38" t="str">
            <v>PLN</v>
          </cell>
          <cell r="H38">
            <v>13</v>
          </cell>
        </row>
        <row r="39">
          <cell r="B39">
            <v>15</v>
          </cell>
          <cell r="C39" t="str">
            <v>Nov 2012</v>
          </cell>
          <cell r="G39" t="str">
            <v>RUB</v>
          </cell>
          <cell r="H39">
            <v>14</v>
          </cell>
        </row>
        <row r="40">
          <cell r="B40">
            <v>16</v>
          </cell>
          <cell r="C40" t="str">
            <v>Dec 2012</v>
          </cell>
          <cell r="G40" t="str">
            <v>SGD</v>
          </cell>
          <cell r="H40">
            <v>15</v>
          </cell>
        </row>
        <row r="41">
          <cell r="B41">
            <v>17</v>
          </cell>
          <cell r="C41" t="str">
            <v>Q4 2012</v>
          </cell>
          <cell r="G41" t="str">
            <v>UAH</v>
          </cell>
          <cell r="H41">
            <v>16</v>
          </cell>
        </row>
        <row r="42">
          <cell r="B42">
            <v>18</v>
          </cell>
          <cell r="C42" t="str">
            <v>Jan 2013</v>
          </cell>
          <cell r="G42" t="str">
            <v>USD</v>
          </cell>
          <cell r="H42">
            <v>17</v>
          </cell>
        </row>
        <row r="43">
          <cell r="B43">
            <v>19</v>
          </cell>
          <cell r="C43" t="str">
            <v>Feb 2013</v>
          </cell>
          <cell r="G43" t="str">
            <v>Dummy Local</v>
          </cell>
          <cell r="H43">
            <v>18</v>
          </cell>
        </row>
        <row r="44">
          <cell r="B44">
            <v>20</v>
          </cell>
          <cell r="C44" t="str">
            <v>Mar 2013</v>
          </cell>
          <cell r="G44" t="str">
            <v>zzz</v>
          </cell>
          <cell r="H44">
            <v>19</v>
          </cell>
        </row>
        <row r="45">
          <cell r="B45">
            <v>21</v>
          </cell>
          <cell r="C45" t="str">
            <v>Q1 2013</v>
          </cell>
        </row>
        <row r="46">
          <cell r="B46">
            <v>22</v>
          </cell>
          <cell r="C46" t="str">
            <v>Apr 2013</v>
          </cell>
        </row>
        <row r="47">
          <cell r="B47">
            <v>23</v>
          </cell>
          <cell r="C47" t="str">
            <v>May 2013</v>
          </cell>
        </row>
        <row r="48">
          <cell r="B48">
            <v>24</v>
          </cell>
          <cell r="C48" t="str">
            <v>Jun 2013</v>
          </cell>
        </row>
        <row r="49">
          <cell r="B49">
            <v>25</v>
          </cell>
          <cell r="C49" t="str">
            <v>Q2 2013</v>
          </cell>
        </row>
        <row r="50">
          <cell r="B50">
            <v>26</v>
          </cell>
          <cell r="C50" t="str">
            <v>Jul 2013</v>
          </cell>
        </row>
        <row r="51">
          <cell r="B51">
            <v>27</v>
          </cell>
          <cell r="C51" t="str">
            <v>Aug 2013</v>
          </cell>
        </row>
        <row r="52">
          <cell r="B52">
            <v>28</v>
          </cell>
          <cell r="C52" t="str">
            <v>Sep 2013</v>
          </cell>
        </row>
        <row r="53">
          <cell r="B53">
            <v>29</v>
          </cell>
          <cell r="C53" t="str">
            <v>Q3 2013</v>
          </cell>
        </row>
        <row r="54">
          <cell r="B54">
            <v>30</v>
          </cell>
          <cell r="C54" t="str">
            <v>Oct 2013</v>
          </cell>
        </row>
        <row r="55">
          <cell r="B55">
            <v>31</v>
          </cell>
          <cell r="C55" t="str">
            <v>Nov 2013</v>
          </cell>
        </row>
        <row r="56">
          <cell r="B56">
            <v>32</v>
          </cell>
          <cell r="C56" t="str">
            <v>Dec 2013</v>
          </cell>
        </row>
        <row r="57">
          <cell r="B57">
            <v>33</v>
          </cell>
          <cell r="C57" t="str">
            <v>Q4 2013</v>
          </cell>
        </row>
        <row r="58">
          <cell r="B58">
            <v>34</v>
          </cell>
          <cell r="C58" t="str">
            <v>Jan 2014</v>
          </cell>
        </row>
        <row r="59">
          <cell r="B59">
            <v>35</v>
          </cell>
          <cell r="C59" t="str">
            <v>Feb 2014</v>
          </cell>
        </row>
        <row r="60">
          <cell r="B60">
            <v>36</v>
          </cell>
          <cell r="C60" t="str">
            <v>Mar 2014</v>
          </cell>
        </row>
        <row r="61">
          <cell r="B61">
            <v>37</v>
          </cell>
          <cell r="C61" t="str">
            <v>Q1 2014</v>
          </cell>
        </row>
        <row r="62">
          <cell r="B62">
            <v>38</v>
          </cell>
          <cell r="C62" t="str">
            <v>Apr 2014</v>
          </cell>
        </row>
        <row r="63">
          <cell r="B63">
            <v>39</v>
          </cell>
          <cell r="C63" t="str">
            <v>May 2014</v>
          </cell>
        </row>
        <row r="64">
          <cell r="B64">
            <v>40</v>
          </cell>
          <cell r="C64" t="str">
            <v>Jun 2014</v>
          </cell>
        </row>
        <row r="65">
          <cell r="B65">
            <v>41</v>
          </cell>
          <cell r="C65" t="str">
            <v>Q2 2014</v>
          </cell>
        </row>
        <row r="66">
          <cell r="B66">
            <v>42</v>
          </cell>
          <cell r="C66" t="str">
            <v>Jul 2014</v>
          </cell>
        </row>
        <row r="67">
          <cell r="B67">
            <v>43</v>
          </cell>
          <cell r="C67" t="str">
            <v>Aug 2014</v>
          </cell>
        </row>
        <row r="68">
          <cell r="B68">
            <v>44</v>
          </cell>
          <cell r="C68" t="str">
            <v>Sep 2014</v>
          </cell>
        </row>
        <row r="69">
          <cell r="B69">
            <v>45</v>
          </cell>
          <cell r="C69" t="str">
            <v>Q3 2014</v>
          </cell>
        </row>
        <row r="70">
          <cell r="B70">
            <v>46</v>
          </cell>
          <cell r="C70" t="str">
            <v>Oct 2014</v>
          </cell>
        </row>
        <row r="71">
          <cell r="B71">
            <v>47</v>
          </cell>
          <cell r="C71" t="str">
            <v>Nov 2014</v>
          </cell>
        </row>
        <row r="72">
          <cell r="B72">
            <v>48</v>
          </cell>
          <cell r="C72" t="str">
            <v>Dec 2014</v>
          </cell>
        </row>
        <row r="73">
          <cell r="B73">
            <v>49</v>
          </cell>
          <cell r="C73" t="str">
            <v>Q4 2014</v>
          </cell>
        </row>
        <row r="74">
          <cell r="B74">
            <v>50</v>
          </cell>
          <cell r="C74" t="str">
            <v>Jan 2015</v>
          </cell>
        </row>
        <row r="75">
          <cell r="B75">
            <v>51</v>
          </cell>
          <cell r="C75" t="str">
            <v>Feb 2015</v>
          </cell>
        </row>
        <row r="76">
          <cell r="B76">
            <v>52</v>
          </cell>
          <cell r="C76" t="str">
            <v>Mar 2015</v>
          </cell>
        </row>
        <row r="77">
          <cell r="B77">
            <v>53</v>
          </cell>
          <cell r="C77" t="str">
            <v>Q1 2015</v>
          </cell>
        </row>
        <row r="78">
          <cell r="B78">
            <v>54</v>
          </cell>
          <cell r="C78" t="str">
            <v>Apr 2015</v>
          </cell>
        </row>
        <row r="79">
          <cell r="B79">
            <v>55</v>
          </cell>
          <cell r="C79" t="str">
            <v>May 2015</v>
          </cell>
        </row>
        <row r="80">
          <cell r="B80">
            <v>56</v>
          </cell>
          <cell r="C80" t="str">
            <v>Jun 2015</v>
          </cell>
        </row>
        <row r="81">
          <cell r="B81">
            <v>57</v>
          </cell>
          <cell r="C81" t="str">
            <v>Q2 2015</v>
          </cell>
        </row>
        <row r="82">
          <cell r="B82">
            <v>58</v>
          </cell>
          <cell r="C82" t="str">
            <v>Jul 2015</v>
          </cell>
        </row>
        <row r="83">
          <cell r="B83">
            <v>59</v>
          </cell>
          <cell r="C83" t="str">
            <v>Aug 2015</v>
          </cell>
        </row>
        <row r="84">
          <cell r="B84">
            <v>60</v>
          </cell>
          <cell r="C84" t="str">
            <v>Sep 2015</v>
          </cell>
        </row>
        <row r="85">
          <cell r="B85">
            <v>61</v>
          </cell>
          <cell r="C85" t="str">
            <v>Q3 2015</v>
          </cell>
        </row>
        <row r="86">
          <cell r="B86">
            <v>62</v>
          </cell>
          <cell r="C86" t="str">
            <v>Oct 2015</v>
          </cell>
        </row>
        <row r="87">
          <cell r="B87">
            <v>63</v>
          </cell>
          <cell r="C87" t="str">
            <v>Nov 2015</v>
          </cell>
        </row>
        <row r="88">
          <cell r="B88">
            <v>64</v>
          </cell>
          <cell r="C88" t="str">
            <v>Dec 2015</v>
          </cell>
        </row>
      </sheetData>
      <sheetData sheetId="8" refreshError="1"/>
      <sheetData sheetId="9"/>
      <sheetData sheetId="10"/>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sheetData sheetId="32" refreshError="1"/>
      <sheetData sheetId="33" refreshError="1"/>
      <sheetData sheetId="34" refreshError="1"/>
      <sheetData sheetId="35"/>
      <sheetData sheetId="36" refreshError="1"/>
      <sheetData sheetId="37" refreshError="1"/>
      <sheetData sheetId="38"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port"/>
      <sheetName val="Input"/>
    </sheetNames>
    <sheetDataSet>
      <sheetData sheetId="0" refreshError="1"/>
      <sheetData sheetId="1">
        <row r="1">
          <cell r="H1">
            <v>2</v>
          </cell>
          <cell r="N1">
            <v>1000</v>
          </cell>
        </row>
        <row r="2">
          <cell r="B2" t="str">
            <v>C010R010</v>
          </cell>
          <cell r="C2">
            <v>77643628</v>
          </cell>
          <cell r="H2">
            <v>3</v>
          </cell>
        </row>
        <row r="3">
          <cell r="B3" t="str">
            <v>C010R020</v>
          </cell>
          <cell r="C3">
            <v>1715520255</v>
          </cell>
        </row>
        <row r="4">
          <cell r="B4" t="str">
            <v>C010R030</v>
          </cell>
          <cell r="C4">
            <v>4256782</v>
          </cell>
        </row>
        <row r="5">
          <cell r="B5" t="str">
            <v>C010R040</v>
          </cell>
          <cell r="C5">
            <v>0</v>
          </cell>
        </row>
        <row r="6">
          <cell r="B6" t="str">
            <v>C010R050</v>
          </cell>
          <cell r="C6">
            <v>958682</v>
          </cell>
        </row>
        <row r="7">
          <cell r="B7" t="str">
            <v>C010R060</v>
          </cell>
          <cell r="C7">
            <v>6059836</v>
          </cell>
        </row>
        <row r="8">
          <cell r="B8" t="str">
            <v>C010R070</v>
          </cell>
          <cell r="C8">
            <v>36632476</v>
          </cell>
        </row>
        <row r="9">
          <cell r="B9" t="str">
            <v>C010R080</v>
          </cell>
          <cell r="C9">
            <v>36104642</v>
          </cell>
        </row>
        <row r="10">
          <cell r="B10" t="str">
            <v>C010R090</v>
          </cell>
          <cell r="C10">
            <v>265246</v>
          </cell>
        </row>
        <row r="11">
          <cell r="B11" t="str">
            <v>C010R100</v>
          </cell>
          <cell r="C11">
            <v>262587</v>
          </cell>
        </row>
        <row r="12">
          <cell r="B12" t="str">
            <v>C020R110</v>
          </cell>
          <cell r="C12">
            <v>1</v>
          </cell>
        </row>
        <row r="13">
          <cell r="B13" t="str">
            <v>C020R120</v>
          </cell>
          <cell r="C13">
            <v>0</v>
          </cell>
        </row>
        <row r="14">
          <cell r="B14" t="str">
            <v>C020R130</v>
          </cell>
          <cell r="C14">
            <v>1.4999999999999999E-2</v>
          </cell>
        </row>
        <row r="15">
          <cell r="B15" t="str">
            <v>C020R140</v>
          </cell>
          <cell r="C15">
            <v>6.8710000000000004E-3</v>
          </cell>
        </row>
        <row r="16">
          <cell r="B16" t="str">
            <v>C030R150</v>
          </cell>
          <cell r="C16">
            <v>0</v>
          </cell>
          <cell r="D16" t="str">
            <v>N</v>
          </cell>
        </row>
        <row r="17">
          <cell r="B17" t="str">
            <v>C030R160</v>
          </cell>
          <cell r="C17">
            <v>0</v>
          </cell>
          <cell r="D17" t="str">
            <v>N</v>
          </cell>
        </row>
        <row r="18">
          <cell r="B18" t="str">
            <v>CurrPrefix</v>
          </cell>
          <cell r="C18">
            <v>1000</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matning"/>
      <sheetName val="AUD"/>
      <sheetName val="SGD"/>
      <sheetName val="CHF"/>
      <sheetName val="DEM"/>
      <sheetName val="DKK"/>
      <sheetName val="GBP"/>
      <sheetName val="JPY"/>
      <sheetName val="USD"/>
      <sheetName val="EUR"/>
      <sheetName val="SEK"/>
      <sheetName val="Uppr underkurs"/>
      <sheetName val="0-kup"/>
      <sheetName val="Manus 0-kup, underk"/>
      <sheetName val="Uppköpskonto"/>
      <sheetName val="Borrat i BR"/>
      <sheetName val="Avstämning"/>
      <sheetName val="Specen"/>
      <sheetName val="Swappar"/>
      <sheetName val="Summa 0-kup (oswappat)"/>
      <sheetName val="Manus nom bel"/>
      <sheetName val="Löptid &gt;1"/>
      <sheetName val="Kapitalbas"/>
      <sheetName val="Årsred"/>
      <sheetName val="Utskriftsmakr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row r="48">
          <cell r="D48">
            <v>24137961870.165504</v>
          </cell>
        </row>
      </sheetData>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7. Insurance"/>
      <sheetName val="Avstämning"/>
    </sheetNames>
    <sheetDataSet>
      <sheetData sheetId="0" refreshError="1"/>
      <sheetData sheetId="1" refreshError="1"/>
    </sheetDataSet>
  </externalBook>
</externalLink>
</file>

<file path=xl/theme/theme1.xml><?xml version="1.0" encoding="utf-8"?>
<a:theme xmlns:a="http://schemas.openxmlformats.org/drawingml/2006/main" name="Office-tema">
  <a:themeElements>
    <a:clrScheme name="SEB">
      <a:dk1>
        <a:sysClr val="windowText" lastClr="000000"/>
      </a:dk1>
      <a:lt1>
        <a:sysClr val="window" lastClr="FFFFFF"/>
      </a:lt1>
      <a:dk2>
        <a:srgbClr val="B2B2B2"/>
      </a:dk2>
      <a:lt2>
        <a:srgbClr val="F0F0F0"/>
      </a:lt2>
      <a:accent1>
        <a:srgbClr val="8ACA34"/>
      </a:accent1>
      <a:accent2>
        <a:srgbClr val="B7E590"/>
      </a:accent2>
      <a:accent3>
        <a:srgbClr val="005F71"/>
      </a:accent3>
      <a:accent4>
        <a:srgbClr val="0092AA"/>
      </a:accent4>
      <a:accent5>
        <a:srgbClr val="8A1B60"/>
      </a:accent5>
      <a:accent6>
        <a:srgbClr val="A07EA3"/>
      </a:accent6>
      <a:hlink>
        <a:srgbClr val="005F71"/>
      </a:hlink>
      <a:folHlink>
        <a:srgbClr val="8A1B60"/>
      </a:folHlink>
    </a:clrScheme>
    <a:fontScheme name="SEB Excel">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143"/>
  <sheetViews>
    <sheetView tabSelected="1" zoomScaleNormal="100" workbookViewId="0"/>
  </sheetViews>
  <sheetFormatPr defaultColWidth="11.42578125" defaultRowHeight="12.75"/>
  <cols>
    <col min="1" max="1" width="7.7109375" style="18" customWidth="1"/>
    <col min="2" max="2" width="7" style="48" customWidth="1"/>
    <col min="3" max="3" width="95.7109375" style="18" customWidth="1"/>
    <col min="4" max="4" width="17.85546875" style="35" bestFit="1" customWidth="1"/>
    <col min="5" max="6" width="17.85546875" style="35" customWidth="1"/>
    <col min="7" max="7" width="17.85546875" style="35" bestFit="1" customWidth="1"/>
    <col min="8" max="134" width="11.42578125" style="18"/>
    <col min="135" max="135" width="7.5703125" style="18" customWidth="1"/>
    <col min="136" max="136" width="7" style="18" customWidth="1"/>
    <col min="137" max="137" width="65.42578125" style="18" customWidth="1"/>
    <col min="138" max="138" width="17.85546875" style="18" bestFit="1" customWidth="1"/>
    <col min="139" max="139" width="18.140625" style="18" bestFit="1" customWidth="1"/>
    <col min="140" max="140" width="20.28515625" style="18" bestFit="1" customWidth="1"/>
    <col min="141" max="141" width="2.140625" style="18" customWidth="1"/>
    <col min="142" max="142" width="0" style="18" hidden="1" customWidth="1"/>
    <col min="143" max="143" width="11.28515625" style="18" customWidth="1"/>
    <col min="144" max="144" width="14" style="18" customWidth="1"/>
    <col min="145" max="390" width="11.42578125" style="18"/>
    <col min="391" max="391" width="7.5703125" style="18" customWidth="1"/>
    <col min="392" max="392" width="7" style="18" customWidth="1"/>
    <col min="393" max="393" width="65.42578125" style="18" customWidth="1"/>
    <col min="394" max="394" width="17.85546875" style="18" bestFit="1" customWidth="1"/>
    <col min="395" max="395" width="18.140625" style="18" bestFit="1" customWidth="1"/>
    <col min="396" max="396" width="20.28515625" style="18" bestFit="1" customWidth="1"/>
    <col min="397" max="397" width="2.140625" style="18" customWidth="1"/>
    <col min="398" max="398" width="0" style="18" hidden="1" customWidth="1"/>
    <col min="399" max="399" width="11.28515625" style="18" customWidth="1"/>
    <col min="400" max="400" width="14" style="18" customWidth="1"/>
    <col min="401" max="646" width="11.42578125" style="18"/>
    <col min="647" max="647" width="7.5703125" style="18" customWidth="1"/>
    <col min="648" max="648" width="7" style="18" customWidth="1"/>
    <col min="649" max="649" width="65.42578125" style="18" customWidth="1"/>
    <col min="650" max="650" width="17.85546875" style="18" bestFit="1" customWidth="1"/>
    <col min="651" max="651" width="18.140625" style="18" bestFit="1" customWidth="1"/>
    <col min="652" max="652" width="20.28515625" style="18" bestFit="1" customWidth="1"/>
    <col min="653" max="653" width="2.140625" style="18" customWidth="1"/>
    <col min="654" max="654" width="0" style="18" hidden="1" customWidth="1"/>
    <col min="655" max="655" width="11.28515625" style="18" customWidth="1"/>
    <col min="656" max="656" width="14" style="18" customWidth="1"/>
    <col min="657" max="902" width="11.42578125" style="18"/>
    <col min="903" max="903" width="7.5703125" style="18" customWidth="1"/>
    <col min="904" max="904" width="7" style="18" customWidth="1"/>
    <col min="905" max="905" width="65.42578125" style="18" customWidth="1"/>
    <col min="906" max="906" width="17.85546875" style="18" bestFit="1" customWidth="1"/>
    <col min="907" max="907" width="18.140625" style="18" bestFit="1" customWidth="1"/>
    <col min="908" max="908" width="20.28515625" style="18" bestFit="1" customWidth="1"/>
    <col min="909" max="909" width="2.140625" style="18" customWidth="1"/>
    <col min="910" max="910" width="0" style="18" hidden="1" customWidth="1"/>
    <col min="911" max="911" width="11.28515625" style="18" customWidth="1"/>
    <col min="912" max="912" width="14" style="18" customWidth="1"/>
    <col min="913" max="1158" width="11.42578125" style="18"/>
    <col min="1159" max="1159" width="7.5703125" style="18" customWidth="1"/>
    <col min="1160" max="1160" width="7" style="18" customWidth="1"/>
    <col min="1161" max="1161" width="65.42578125" style="18" customWidth="1"/>
    <col min="1162" max="1162" width="17.85546875" style="18" bestFit="1" customWidth="1"/>
    <col min="1163" max="1163" width="18.140625" style="18" bestFit="1" customWidth="1"/>
    <col min="1164" max="1164" width="20.28515625" style="18" bestFit="1" customWidth="1"/>
    <col min="1165" max="1165" width="2.140625" style="18" customWidth="1"/>
    <col min="1166" max="1166" width="0" style="18" hidden="1" customWidth="1"/>
    <col min="1167" max="1167" width="11.28515625" style="18" customWidth="1"/>
    <col min="1168" max="1168" width="14" style="18" customWidth="1"/>
    <col min="1169" max="1414" width="11.42578125" style="18"/>
    <col min="1415" max="1415" width="7.5703125" style="18" customWidth="1"/>
    <col min="1416" max="1416" width="7" style="18" customWidth="1"/>
    <col min="1417" max="1417" width="65.42578125" style="18" customWidth="1"/>
    <col min="1418" max="1418" width="17.85546875" style="18" bestFit="1" customWidth="1"/>
    <col min="1419" max="1419" width="18.140625" style="18" bestFit="1" customWidth="1"/>
    <col min="1420" max="1420" width="20.28515625" style="18" bestFit="1" customWidth="1"/>
    <col min="1421" max="1421" width="2.140625" style="18" customWidth="1"/>
    <col min="1422" max="1422" width="0" style="18" hidden="1" customWidth="1"/>
    <col min="1423" max="1423" width="11.28515625" style="18" customWidth="1"/>
    <col min="1424" max="1424" width="14" style="18" customWidth="1"/>
    <col min="1425" max="1670" width="11.42578125" style="18"/>
    <col min="1671" max="1671" width="7.5703125" style="18" customWidth="1"/>
    <col min="1672" max="1672" width="7" style="18" customWidth="1"/>
    <col min="1673" max="1673" width="65.42578125" style="18" customWidth="1"/>
    <col min="1674" max="1674" width="17.85546875" style="18" bestFit="1" customWidth="1"/>
    <col min="1675" max="1675" width="18.140625" style="18" bestFit="1" customWidth="1"/>
    <col min="1676" max="1676" width="20.28515625" style="18" bestFit="1" customWidth="1"/>
    <col min="1677" max="1677" width="2.140625" style="18" customWidth="1"/>
    <col min="1678" max="1678" width="0" style="18" hidden="1" customWidth="1"/>
    <col min="1679" max="1679" width="11.28515625" style="18" customWidth="1"/>
    <col min="1680" max="1680" width="14" style="18" customWidth="1"/>
    <col min="1681" max="1926" width="11.42578125" style="18"/>
    <col min="1927" max="1927" width="7.5703125" style="18" customWidth="1"/>
    <col min="1928" max="1928" width="7" style="18" customWidth="1"/>
    <col min="1929" max="1929" width="65.42578125" style="18" customWidth="1"/>
    <col min="1930" max="1930" width="17.85546875" style="18" bestFit="1" customWidth="1"/>
    <col min="1931" max="1931" width="18.140625" style="18" bestFit="1" customWidth="1"/>
    <col min="1932" max="1932" width="20.28515625" style="18" bestFit="1" customWidth="1"/>
    <col min="1933" max="1933" width="2.140625" style="18" customWidth="1"/>
    <col min="1934" max="1934" width="0" style="18" hidden="1" customWidth="1"/>
    <col min="1935" max="1935" width="11.28515625" style="18" customWidth="1"/>
    <col min="1936" max="1936" width="14" style="18" customWidth="1"/>
    <col min="1937" max="2182" width="11.42578125" style="18"/>
    <col min="2183" max="2183" width="7.5703125" style="18" customWidth="1"/>
    <col min="2184" max="2184" width="7" style="18" customWidth="1"/>
    <col min="2185" max="2185" width="65.42578125" style="18" customWidth="1"/>
    <col min="2186" max="2186" width="17.85546875" style="18" bestFit="1" customWidth="1"/>
    <col min="2187" max="2187" width="18.140625" style="18" bestFit="1" customWidth="1"/>
    <col min="2188" max="2188" width="20.28515625" style="18" bestFit="1" customWidth="1"/>
    <col min="2189" max="2189" width="2.140625" style="18" customWidth="1"/>
    <col min="2190" max="2190" width="0" style="18" hidden="1" customWidth="1"/>
    <col min="2191" max="2191" width="11.28515625" style="18" customWidth="1"/>
    <col min="2192" max="2192" width="14" style="18" customWidth="1"/>
    <col min="2193" max="2438" width="11.42578125" style="18"/>
    <col min="2439" max="2439" width="7.5703125" style="18" customWidth="1"/>
    <col min="2440" max="2440" width="7" style="18" customWidth="1"/>
    <col min="2441" max="2441" width="65.42578125" style="18" customWidth="1"/>
    <col min="2442" max="2442" width="17.85546875" style="18" bestFit="1" customWidth="1"/>
    <col min="2443" max="2443" width="18.140625" style="18" bestFit="1" customWidth="1"/>
    <col min="2444" max="2444" width="20.28515625" style="18" bestFit="1" customWidth="1"/>
    <col min="2445" max="2445" width="2.140625" style="18" customWidth="1"/>
    <col min="2446" max="2446" width="0" style="18" hidden="1" customWidth="1"/>
    <col min="2447" max="2447" width="11.28515625" style="18" customWidth="1"/>
    <col min="2448" max="2448" width="14" style="18" customWidth="1"/>
    <col min="2449" max="2694" width="11.42578125" style="18"/>
    <col min="2695" max="2695" width="7.5703125" style="18" customWidth="1"/>
    <col min="2696" max="2696" width="7" style="18" customWidth="1"/>
    <col min="2697" max="2697" width="65.42578125" style="18" customWidth="1"/>
    <col min="2698" max="2698" width="17.85546875" style="18" bestFit="1" customWidth="1"/>
    <col min="2699" max="2699" width="18.140625" style="18" bestFit="1" customWidth="1"/>
    <col min="2700" max="2700" width="20.28515625" style="18" bestFit="1" customWidth="1"/>
    <col min="2701" max="2701" width="2.140625" style="18" customWidth="1"/>
    <col min="2702" max="2702" width="0" style="18" hidden="1" customWidth="1"/>
    <col min="2703" max="2703" width="11.28515625" style="18" customWidth="1"/>
    <col min="2704" max="2704" width="14" style="18" customWidth="1"/>
    <col min="2705" max="2950" width="11.42578125" style="18"/>
    <col min="2951" max="2951" width="7.5703125" style="18" customWidth="1"/>
    <col min="2952" max="2952" width="7" style="18" customWidth="1"/>
    <col min="2953" max="2953" width="65.42578125" style="18" customWidth="1"/>
    <col min="2954" max="2954" width="17.85546875" style="18" bestFit="1" customWidth="1"/>
    <col min="2955" max="2955" width="18.140625" style="18" bestFit="1" customWidth="1"/>
    <col min="2956" max="2956" width="20.28515625" style="18" bestFit="1" customWidth="1"/>
    <col min="2957" max="2957" width="2.140625" style="18" customWidth="1"/>
    <col min="2958" max="2958" width="0" style="18" hidden="1" customWidth="1"/>
    <col min="2959" max="2959" width="11.28515625" style="18" customWidth="1"/>
    <col min="2960" max="2960" width="14" style="18" customWidth="1"/>
    <col min="2961" max="3206" width="11.42578125" style="18"/>
    <col min="3207" max="3207" width="7.5703125" style="18" customWidth="1"/>
    <col min="3208" max="3208" width="7" style="18" customWidth="1"/>
    <col min="3209" max="3209" width="65.42578125" style="18" customWidth="1"/>
    <col min="3210" max="3210" width="17.85546875" style="18" bestFit="1" customWidth="1"/>
    <col min="3211" max="3211" width="18.140625" style="18" bestFit="1" customWidth="1"/>
    <col min="3212" max="3212" width="20.28515625" style="18" bestFit="1" customWidth="1"/>
    <col min="3213" max="3213" width="2.140625" style="18" customWidth="1"/>
    <col min="3214" max="3214" width="0" style="18" hidden="1" customWidth="1"/>
    <col min="3215" max="3215" width="11.28515625" style="18" customWidth="1"/>
    <col min="3216" max="3216" width="14" style="18" customWidth="1"/>
    <col min="3217" max="3462" width="11.42578125" style="18"/>
    <col min="3463" max="3463" width="7.5703125" style="18" customWidth="1"/>
    <col min="3464" max="3464" width="7" style="18" customWidth="1"/>
    <col min="3465" max="3465" width="65.42578125" style="18" customWidth="1"/>
    <col min="3466" max="3466" width="17.85546875" style="18" bestFit="1" customWidth="1"/>
    <col min="3467" max="3467" width="18.140625" style="18" bestFit="1" customWidth="1"/>
    <col min="3468" max="3468" width="20.28515625" style="18" bestFit="1" customWidth="1"/>
    <col min="3469" max="3469" width="2.140625" style="18" customWidth="1"/>
    <col min="3470" max="3470" width="0" style="18" hidden="1" customWidth="1"/>
    <col min="3471" max="3471" width="11.28515625" style="18" customWidth="1"/>
    <col min="3472" max="3472" width="14" style="18" customWidth="1"/>
    <col min="3473" max="3718" width="11.42578125" style="18"/>
    <col min="3719" max="3719" width="7.5703125" style="18" customWidth="1"/>
    <col min="3720" max="3720" width="7" style="18" customWidth="1"/>
    <col min="3721" max="3721" width="65.42578125" style="18" customWidth="1"/>
    <col min="3722" max="3722" width="17.85546875" style="18" bestFit="1" customWidth="1"/>
    <col min="3723" max="3723" width="18.140625" style="18" bestFit="1" customWidth="1"/>
    <col min="3724" max="3724" width="20.28515625" style="18" bestFit="1" customWidth="1"/>
    <col min="3725" max="3725" width="2.140625" style="18" customWidth="1"/>
    <col min="3726" max="3726" width="0" style="18" hidden="1" customWidth="1"/>
    <col min="3727" max="3727" width="11.28515625" style="18" customWidth="1"/>
    <col min="3728" max="3728" width="14" style="18" customWidth="1"/>
    <col min="3729" max="3974" width="11.42578125" style="18"/>
    <col min="3975" max="3975" width="7.5703125" style="18" customWidth="1"/>
    <col min="3976" max="3976" width="7" style="18" customWidth="1"/>
    <col min="3977" max="3977" width="65.42578125" style="18" customWidth="1"/>
    <col min="3978" max="3978" width="17.85546875" style="18" bestFit="1" customWidth="1"/>
    <col min="3979" max="3979" width="18.140625" style="18" bestFit="1" customWidth="1"/>
    <col min="3980" max="3980" width="20.28515625" style="18" bestFit="1" customWidth="1"/>
    <col min="3981" max="3981" width="2.140625" style="18" customWidth="1"/>
    <col min="3982" max="3982" width="0" style="18" hidden="1" customWidth="1"/>
    <col min="3983" max="3983" width="11.28515625" style="18" customWidth="1"/>
    <col min="3984" max="3984" width="14" style="18" customWidth="1"/>
    <col min="3985" max="4230" width="11.42578125" style="18"/>
    <col min="4231" max="4231" width="7.5703125" style="18" customWidth="1"/>
    <col min="4232" max="4232" width="7" style="18" customWidth="1"/>
    <col min="4233" max="4233" width="65.42578125" style="18" customWidth="1"/>
    <col min="4234" max="4234" width="17.85546875" style="18" bestFit="1" customWidth="1"/>
    <col min="4235" max="4235" width="18.140625" style="18" bestFit="1" customWidth="1"/>
    <col min="4236" max="4236" width="20.28515625" style="18" bestFit="1" customWidth="1"/>
    <col min="4237" max="4237" width="2.140625" style="18" customWidth="1"/>
    <col min="4238" max="4238" width="0" style="18" hidden="1" customWidth="1"/>
    <col min="4239" max="4239" width="11.28515625" style="18" customWidth="1"/>
    <col min="4240" max="4240" width="14" style="18" customWidth="1"/>
    <col min="4241" max="4486" width="11.42578125" style="18"/>
    <col min="4487" max="4487" width="7.5703125" style="18" customWidth="1"/>
    <col min="4488" max="4488" width="7" style="18" customWidth="1"/>
    <col min="4489" max="4489" width="65.42578125" style="18" customWidth="1"/>
    <col min="4490" max="4490" width="17.85546875" style="18" bestFit="1" customWidth="1"/>
    <col min="4491" max="4491" width="18.140625" style="18" bestFit="1" customWidth="1"/>
    <col min="4492" max="4492" width="20.28515625" style="18" bestFit="1" customWidth="1"/>
    <col min="4493" max="4493" width="2.140625" style="18" customWidth="1"/>
    <col min="4494" max="4494" width="0" style="18" hidden="1" customWidth="1"/>
    <col min="4495" max="4495" width="11.28515625" style="18" customWidth="1"/>
    <col min="4496" max="4496" width="14" style="18" customWidth="1"/>
    <col min="4497" max="4742" width="11.42578125" style="18"/>
    <col min="4743" max="4743" width="7.5703125" style="18" customWidth="1"/>
    <col min="4744" max="4744" width="7" style="18" customWidth="1"/>
    <col min="4745" max="4745" width="65.42578125" style="18" customWidth="1"/>
    <col min="4746" max="4746" width="17.85546875" style="18" bestFit="1" customWidth="1"/>
    <col min="4747" max="4747" width="18.140625" style="18" bestFit="1" customWidth="1"/>
    <col min="4748" max="4748" width="20.28515625" style="18" bestFit="1" customWidth="1"/>
    <col min="4749" max="4749" width="2.140625" style="18" customWidth="1"/>
    <col min="4750" max="4750" width="0" style="18" hidden="1" customWidth="1"/>
    <col min="4751" max="4751" width="11.28515625" style="18" customWidth="1"/>
    <col min="4752" max="4752" width="14" style="18" customWidth="1"/>
    <col min="4753" max="4998" width="11.42578125" style="18"/>
    <col min="4999" max="4999" width="7.5703125" style="18" customWidth="1"/>
    <col min="5000" max="5000" width="7" style="18" customWidth="1"/>
    <col min="5001" max="5001" width="65.42578125" style="18" customWidth="1"/>
    <col min="5002" max="5002" width="17.85546875" style="18" bestFit="1" customWidth="1"/>
    <col min="5003" max="5003" width="18.140625" style="18" bestFit="1" customWidth="1"/>
    <col min="5004" max="5004" width="20.28515625" style="18" bestFit="1" customWidth="1"/>
    <col min="5005" max="5005" width="2.140625" style="18" customWidth="1"/>
    <col min="5006" max="5006" width="0" style="18" hidden="1" customWidth="1"/>
    <col min="5007" max="5007" width="11.28515625" style="18" customWidth="1"/>
    <col min="5008" max="5008" width="14" style="18" customWidth="1"/>
    <col min="5009" max="5254" width="11.42578125" style="18"/>
    <col min="5255" max="5255" width="7.5703125" style="18" customWidth="1"/>
    <col min="5256" max="5256" width="7" style="18" customWidth="1"/>
    <col min="5257" max="5257" width="65.42578125" style="18" customWidth="1"/>
    <col min="5258" max="5258" width="17.85546875" style="18" bestFit="1" customWidth="1"/>
    <col min="5259" max="5259" width="18.140625" style="18" bestFit="1" customWidth="1"/>
    <col min="5260" max="5260" width="20.28515625" style="18" bestFit="1" customWidth="1"/>
    <col min="5261" max="5261" width="2.140625" style="18" customWidth="1"/>
    <col min="5262" max="5262" width="0" style="18" hidden="1" customWidth="1"/>
    <col min="5263" max="5263" width="11.28515625" style="18" customWidth="1"/>
    <col min="5264" max="5264" width="14" style="18" customWidth="1"/>
    <col min="5265" max="5510" width="11.42578125" style="18"/>
    <col min="5511" max="5511" width="7.5703125" style="18" customWidth="1"/>
    <col min="5512" max="5512" width="7" style="18" customWidth="1"/>
    <col min="5513" max="5513" width="65.42578125" style="18" customWidth="1"/>
    <col min="5514" max="5514" width="17.85546875" style="18" bestFit="1" customWidth="1"/>
    <col min="5515" max="5515" width="18.140625" style="18" bestFit="1" customWidth="1"/>
    <col min="5516" max="5516" width="20.28515625" style="18" bestFit="1" customWidth="1"/>
    <col min="5517" max="5517" width="2.140625" style="18" customWidth="1"/>
    <col min="5518" max="5518" width="0" style="18" hidden="1" customWidth="1"/>
    <col min="5519" max="5519" width="11.28515625" style="18" customWidth="1"/>
    <col min="5520" max="5520" width="14" style="18" customWidth="1"/>
    <col min="5521" max="5766" width="11.42578125" style="18"/>
    <col min="5767" max="5767" width="7.5703125" style="18" customWidth="1"/>
    <col min="5768" max="5768" width="7" style="18" customWidth="1"/>
    <col min="5769" max="5769" width="65.42578125" style="18" customWidth="1"/>
    <col min="5770" max="5770" width="17.85546875" style="18" bestFit="1" customWidth="1"/>
    <col min="5771" max="5771" width="18.140625" style="18" bestFit="1" customWidth="1"/>
    <col min="5772" max="5772" width="20.28515625" style="18" bestFit="1" customWidth="1"/>
    <col min="5773" max="5773" width="2.140625" style="18" customWidth="1"/>
    <col min="5774" max="5774" width="0" style="18" hidden="1" customWidth="1"/>
    <col min="5775" max="5775" width="11.28515625" style="18" customWidth="1"/>
    <col min="5776" max="5776" width="14" style="18" customWidth="1"/>
    <col min="5777" max="6022" width="11.42578125" style="18"/>
    <col min="6023" max="6023" width="7.5703125" style="18" customWidth="1"/>
    <col min="6024" max="6024" width="7" style="18" customWidth="1"/>
    <col min="6025" max="6025" width="65.42578125" style="18" customWidth="1"/>
    <col min="6026" max="6026" width="17.85546875" style="18" bestFit="1" customWidth="1"/>
    <col min="6027" max="6027" width="18.140625" style="18" bestFit="1" customWidth="1"/>
    <col min="6028" max="6028" width="20.28515625" style="18" bestFit="1" customWidth="1"/>
    <col min="6029" max="6029" width="2.140625" style="18" customWidth="1"/>
    <col min="6030" max="6030" width="0" style="18" hidden="1" customWidth="1"/>
    <col min="6031" max="6031" width="11.28515625" style="18" customWidth="1"/>
    <col min="6032" max="6032" width="14" style="18" customWidth="1"/>
    <col min="6033" max="6278" width="11.42578125" style="18"/>
    <col min="6279" max="6279" width="7.5703125" style="18" customWidth="1"/>
    <col min="6280" max="6280" width="7" style="18" customWidth="1"/>
    <col min="6281" max="6281" width="65.42578125" style="18" customWidth="1"/>
    <col min="6282" max="6282" width="17.85546875" style="18" bestFit="1" customWidth="1"/>
    <col min="6283" max="6283" width="18.140625" style="18" bestFit="1" customWidth="1"/>
    <col min="6284" max="6284" width="20.28515625" style="18" bestFit="1" customWidth="1"/>
    <col min="6285" max="6285" width="2.140625" style="18" customWidth="1"/>
    <col min="6286" max="6286" width="0" style="18" hidden="1" customWidth="1"/>
    <col min="6287" max="6287" width="11.28515625" style="18" customWidth="1"/>
    <col min="6288" max="6288" width="14" style="18" customWidth="1"/>
    <col min="6289" max="6534" width="11.42578125" style="18"/>
    <col min="6535" max="6535" width="7.5703125" style="18" customWidth="1"/>
    <col min="6536" max="6536" width="7" style="18" customWidth="1"/>
    <col min="6537" max="6537" width="65.42578125" style="18" customWidth="1"/>
    <col min="6538" max="6538" width="17.85546875" style="18" bestFit="1" customWidth="1"/>
    <col min="6539" max="6539" width="18.140625" style="18" bestFit="1" customWidth="1"/>
    <col min="6540" max="6540" width="20.28515625" style="18" bestFit="1" customWidth="1"/>
    <col min="6541" max="6541" width="2.140625" style="18" customWidth="1"/>
    <col min="6542" max="6542" width="0" style="18" hidden="1" customWidth="1"/>
    <col min="6543" max="6543" width="11.28515625" style="18" customWidth="1"/>
    <col min="6544" max="6544" width="14" style="18" customWidth="1"/>
    <col min="6545" max="6790" width="11.42578125" style="18"/>
    <col min="6791" max="6791" width="7.5703125" style="18" customWidth="1"/>
    <col min="6792" max="6792" width="7" style="18" customWidth="1"/>
    <col min="6793" max="6793" width="65.42578125" style="18" customWidth="1"/>
    <col min="6794" max="6794" width="17.85546875" style="18" bestFit="1" customWidth="1"/>
    <col min="6795" max="6795" width="18.140625" style="18" bestFit="1" customWidth="1"/>
    <col min="6796" max="6796" width="20.28515625" style="18" bestFit="1" customWidth="1"/>
    <col min="6797" max="6797" width="2.140625" style="18" customWidth="1"/>
    <col min="6798" max="6798" width="0" style="18" hidden="1" customWidth="1"/>
    <col min="6799" max="6799" width="11.28515625" style="18" customWidth="1"/>
    <col min="6800" max="6800" width="14" style="18" customWidth="1"/>
    <col min="6801" max="7046" width="11.42578125" style="18"/>
    <col min="7047" max="7047" width="7.5703125" style="18" customWidth="1"/>
    <col min="7048" max="7048" width="7" style="18" customWidth="1"/>
    <col min="7049" max="7049" width="65.42578125" style="18" customWidth="1"/>
    <col min="7050" max="7050" width="17.85546875" style="18" bestFit="1" customWidth="1"/>
    <col min="7051" max="7051" width="18.140625" style="18" bestFit="1" customWidth="1"/>
    <col min="7052" max="7052" width="20.28515625" style="18" bestFit="1" customWidth="1"/>
    <col min="7053" max="7053" width="2.140625" style="18" customWidth="1"/>
    <col min="7054" max="7054" width="0" style="18" hidden="1" customWidth="1"/>
    <col min="7055" max="7055" width="11.28515625" style="18" customWidth="1"/>
    <col min="7056" max="7056" width="14" style="18" customWidth="1"/>
    <col min="7057" max="7302" width="11.42578125" style="18"/>
    <col min="7303" max="7303" width="7.5703125" style="18" customWidth="1"/>
    <col min="7304" max="7304" width="7" style="18" customWidth="1"/>
    <col min="7305" max="7305" width="65.42578125" style="18" customWidth="1"/>
    <col min="7306" max="7306" width="17.85546875" style="18" bestFit="1" customWidth="1"/>
    <col min="7307" max="7307" width="18.140625" style="18" bestFit="1" customWidth="1"/>
    <col min="7308" max="7308" width="20.28515625" style="18" bestFit="1" customWidth="1"/>
    <col min="7309" max="7309" width="2.140625" style="18" customWidth="1"/>
    <col min="7310" max="7310" width="0" style="18" hidden="1" customWidth="1"/>
    <col min="7311" max="7311" width="11.28515625" style="18" customWidth="1"/>
    <col min="7312" max="7312" width="14" style="18" customWidth="1"/>
    <col min="7313" max="7558" width="11.42578125" style="18"/>
    <col min="7559" max="7559" width="7.5703125" style="18" customWidth="1"/>
    <col min="7560" max="7560" width="7" style="18" customWidth="1"/>
    <col min="7561" max="7561" width="65.42578125" style="18" customWidth="1"/>
    <col min="7562" max="7562" width="17.85546875" style="18" bestFit="1" customWidth="1"/>
    <col min="7563" max="7563" width="18.140625" style="18" bestFit="1" customWidth="1"/>
    <col min="7564" max="7564" width="20.28515625" style="18" bestFit="1" customWidth="1"/>
    <col min="7565" max="7565" width="2.140625" style="18" customWidth="1"/>
    <col min="7566" max="7566" width="0" style="18" hidden="1" customWidth="1"/>
    <col min="7567" max="7567" width="11.28515625" style="18" customWidth="1"/>
    <col min="7568" max="7568" width="14" style="18" customWidth="1"/>
    <col min="7569" max="7814" width="11.42578125" style="18"/>
    <col min="7815" max="7815" width="7.5703125" style="18" customWidth="1"/>
    <col min="7816" max="7816" width="7" style="18" customWidth="1"/>
    <col min="7817" max="7817" width="65.42578125" style="18" customWidth="1"/>
    <col min="7818" max="7818" width="17.85546875" style="18" bestFit="1" customWidth="1"/>
    <col min="7819" max="7819" width="18.140625" style="18" bestFit="1" customWidth="1"/>
    <col min="7820" max="7820" width="20.28515625" style="18" bestFit="1" customWidth="1"/>
    <col min="7821" max="7821" width="2.140625" style="18" customWidth="1"/>
    <col min="7822" max="7822" width="0" style="18" hidden="1" customWidth="1"/>
    <col min="7823" max="7823" width="11.28515625" style="18" customWidth="1"/>
    <col min="7824" max="7824" width="14" style="18" customWidth="1"/>
    <col min="7825" max="8070" width="11.42578125" style="18"/>
    <col min="8071" max="8071" width="7.5703125" style="18" customWidth="1"/>
    <col min="8072" max="8072" width="7" style="18" customWidth="1"/>
    <col min="8073" max="8073" width="65.42578125" style="18" customWidth="1"/>
    <col min="8074" max="8074" width="17.85546875" style="18" bestFit="1" customWidth="1"/>
    <col min="8075" max="8075" width="18.140625" style="18" bestFit="1" customWidth="1"/>
    <col min="8076" max="8076" width="20.28515625" style="18" bestFit="1" customWidth="1"/>
    <col min="8077" max="8077" width="2.140625" style="18" customWidth="1"/>
    <col min="8078" max="8078" width="0" style="18" hidden="1" customWidth="1"/>
    <col min="8079" max="8079" width="11.28515625" style="18" customWidth="1"/>
    <col min="8080" max="8080" width="14" style="18" customWidth="1"/>
    <col min="8081" max="8326" width="11.42578125" style="18"/>
    <col min="8327" max="8327" width="7.5703125" style="18" customWidth="1"/>
    <col min="8328" max="8328" width="7" style="18" customWidth="1"/>
    <col min="8329" max="8329" width="65.42578125" style="18" customWidth="1"/>
    <col min="8330" max="8330" width="17.85546875" style="18" bestFit="1" customWidth="1"/>
    <col min="8331" max="8331" width="18.140625" style="18" bestFit="1" customWidth="1"/>
    <col min="8332" max="8332" width="20.28515625" style="18" bestFit="1" customWidth="1"/>
    <col min="8333" max="8333" width="2.140625" style="18" customWidth="1"/>
    <col min="8334" max="8334" width="0" style="18" hidden="1" customWidth="1"/>
    <col min="8335" max="8335" width="11.28515625" style="18" customWidth="1"/>
    <col min="8336" max="8336" width="14" style="18" customWidth="1"/>
    <col min="8337" max="8582" width="11.42578125" style="18"/>
    <col min="8583" max="8583" width="7.5703125" style="18" customWidth="1"/>
    <col min="8584" max="8584" width="7" style="18" customWidth="1"/>
    <col min="8585" max="8585" width="65.42578125" style="18" customWidth="1"/>
    <col min="8586" max="8586" width="17.85546875" style="18" bestFit="1" customWidth="1"/>
    <col min="8587" max="8587" width="18.140625" style="18" bestFit="1" customWidth="1"/>
    <col min="8588" max="8588" width="20.28515625" style="18" bestFit="1" customWidth="1"/>
    <col min="8589" max="8589" width="2.140625" style="18" customWidth="1"/>
    <col min="8590" max="8590" width="0" style="18" hidden="1" customWidth="1"/>
    <col min="8591" max="8591" width="11.28515625" style="18" customWidth="1"/>
    <col min="8592" max="8592" width="14" style="18" customWidth="1"/>
    <col min="8593" max="8838" width="11.42578125" style="18"/>
    <col min="8839" max="8839" width="7.5703125" style="18" customWidth="1"/>
    <col min="8840" max="8840" width="7" style="18" customWidth="1"/>
    <col min="8841" max="8841" width="65.42578125" style="18" customWidth="1"/>
    <col min="8842" max="8842" width="17.85546875" style="18" bestFit="1" customWidth="1"/>
    <col min="8843" max="8843" width="18.140625" style="18" bestFit="1" customWidth="1"/>
    <col min="8844" max="8844" width="20.28515625" style="18" bestFit="1" customWidth="1"/>
    <col min="8845" max="8845" width="2.140625" style="18" customWidth="1"/>
    <col min="8846" max="8846" width="0" style="18" hidden="1" customWidth="1"/>
    <col min="8847" max="8847" width="11.28515625" style="18" customWidth="1"/>
    <col min="8848" max="8848" width="14" style="18" customWidth="1"/>
    <col min="8849" max="9094" width="11.42578125" style="18"/>
    <col min="9095" max="9095" width="7.5703125" style="18" customWidth="1"/>
    <col min="9096" max="9096" width="7" style="18" customWidth="1"/>
    <col min="9097" max="9097" width="65.42578125" style="18" customWidth="1"/>
    <col min="9098" max="9098" width="17.85546875" style="18" bestFit="1" customWidth="1"/>
    <col min="9099" max="9099" width="18.140625" style="18" bestFit="1" customWidth="1"/>
    <col min="9100" max="9100" width="20.28515625" style="18" bestFit="1" customWidth="1"/>
    <col min="9101" max="9101" width="2.140625" style="18" customWidth="1"/>
    <col min="9102" max="9102" width="0" style="18" hidden="1" customWidth="1"/>
    <col min="9103" max="9103" width="11.28515625" style="18" customWidth="1"/>
    <col min="9104" max="9104" width="14" style="18" customWidth="1"/>
    <col min="9105" max="9350" width="11.42578125" style="18"/>
    <col min="9351" max="9351" width="7.5703125" style="18" customWidth="1"/>
    <col min="9352" max="9352" width="7" style="18" customWidth="1"/>
    <col min="9353" max="9353" width="65.42578125" style="18" customWidth="1"/>
    <col min="9354" max="9354" width="17.85546875" style="18" bestFit="1" customWidth="1"/>
    <col min="9355" max="9355" width="18.140625" style="18" bestFit="1" customWidth="1"/>
    <col min="9356" max="9356" width="20.28515625" style="18" bestFit="1" customWidth="1"/>
    <col min="9357" max="9357" width="2.140625" style="18" customWidth="1"/>
    <col min="9358" max="9358" width="0" style="18" hidden="1" customWidth="1"/>
    <col min="9359" max="9359" width="11.28515625" style="18" customWidth="1"/>
    <col min="9360" max="9360" width="14" style="18" customWidth="1"/>
    <col min="9361" max="9606" width="11.42578125" style="18"/>
    <col min="9607" max="9607" width="7.5703125" style="18" customWidth="1"/>
    <col min="9608" max="9608" width="7" style="18" customWidth="1"/>
    <col min="9609" max="9609" width="65.42578125" style="18" customWidth="1"/>
    <col min="9610" max="9610" width="17.85546875" style="18" bestFit="1" customWidth="1"/>
    <col min="9611" max="9611" width="18.140625" style="18" bestFit="1" customWidth="1"/>
    <col min="9612" max="9612" width="20.28515625" style="18" bestFit="1" customWidth="1"/>
    <col min="9613" max="9613" width="2.140625" style="18" customWidth="1"/>
    <col min="9614" max="9614" width="0" style="18" hidden="1" customWidth="1"/>
    <col min="9615" max="9615" width="11.28515625" style="18" customWidth="1"/>
    <col min="9616" max="9616" width="14" style="18" customWidth="1"/>
    <col min="9617" max="9862" width="11.42578125" style="18"/>
    <col min="9863" max="9863" width="7.5703125" style="18" customWidth="1"/>
    <col min="9864" max="9864" width="7" style="18" customWidth="1"/>
    <col min="9865" max="9865" width="65.42578125" style="18" customWidth="1"/>
    <col min="9866" max="9866" width="17.85546875" style="18" bestFit="1" customWidth="1"/>
    <col min="9867" max="9867" width="18.140625" style="18" bestFit="1" customWidth="1"/>
    <col min="9868" max="9868" width="20.28515625" style="18" bestFit="1" customWidth="1"/>
    <col min="9869" max="9869" width="2.140625" style="18" customWidth="1"/>
    <col min="9870" max="9870" width="0" style="18" hidden="1" customWidth="1"/>
    <col min="9871" max="9871" width="11.28515625" style="18" customWidth="1"/>
    <col min="9872" max="9872" width="14" style="18" customWidth="1"/>
    <col min="9873" max="10118" width="11.42578125" style="18"/>
    <col min="10119" max="10119" width="7.5703125" style="18" customWidth="1"/>
    <col min="10120" max="10120" width="7" style="18" customWidth="1"/>
    <col min="10121" max="10121" width="65.42578125" style="18" customWidth="1"/>
    <col min="10122" max="10122" width="17.85546875" style="18" bestFit="1" customWidth="1"/>
    <col min="10123" max="10123" width="18.140625" style="18" bestFit="1" customWidth="1"/>
    <col min="10124" max="10124" width="20.28515625" style="18" bestFit="1" customWidth="1"/>
    <col min="10125" max="10125" width="2.140625" style="18" customWidth="1"/>
    <col min="10126" max="10126" width="0" style="18" hidden="1" customWidth="1"/>
    <col min="10127" max="10127" width="11.28515625" style="18" customWidth="1"/>
    <col min="10128" max="10128" width="14" style="18" customWidth="1"/>
    <col min="10129" max="10374" width="11.42578125" style="18"/>
    <col min="10375" max="10375" width="7.5703125" style="18" customWidth="1"/>
    <col min="10376" max="10376" width="7" style="18" customWidth="1"/>
    <col min="10377" max="10377" width="65.42578125" style="18" customWidth="1"/>
    <col min="10378" max="10378" width="17.85546875" style="18" bestFit="1" customWidth="1"/>
    <col min="10379" max="10379" width="18.140625" style="18" bestFit="1" customWidth="1"/>
    <col min="10380" max="10380" width="20.28515625" style="18" bestFit="1" customWidth="1"/>
    <col min="10381" max="10381" width="2.140625" style="18" customWidth="1"/>
    <col min="10382" max="10382" width="0" style="18" hidden="1" customWidth="1"/>
    <col min="10383" max="10383" width="11.28515625" style="18" customWidth="1"/>
    <col min="10384" max="10384" width="14" style="18" customWidth="1"/>
    <col min="10385" max="10630" width="11.42578125" style="18"/>
    <col min="10631" max="10631" width="7.5703125" style="18" customWidth="1"/>
    <col min="10632" max="10632" width="7" style="18" customWidth="1"/>
    <col min="10633" max="10633" width="65.42578125" style="18" customWidth="1"/>
    <col min="10634" max="10634" width="17.85546875" style="18" bestFit="1" customWidth="1"/>
    <col min="10635" max="10635" width="18.140625" style="18" bestFit="1" customWidth="1"/>
    <col min="10636" max="10636" width="20.28515625" style="18" bestFit="1" customWidth="1"/>
    <col min="10637" max="10637" width="2.140625" style="18" customWidth="1"/>
    <col min="10638" max="10638" width="0" style="18" hidden="1" customWidth="1"/>
    <col min="10639" max="10639" width="11.28515625" style="18" customWidth="1"/>
    <col min="10640" max="10640" width="14" style="18" customWidth="1"/>
    <col min="10641" max="10886" width="11.42578125" style="18"/>
    <col min="10887" max="10887" width="7.5703125" style="18" customWidth="1"/>
    <col min="10888" max="10888" width="7" style="18" customWidth="1"/>
    <col min="10889" max="10889" width="65.42578125" style="18" customWidth="1"/>
    <col min="10890" max="10890" width="17.85546875" style="18" bestFit="1" customWidth="1"/>
    <col min="10891" max="10891" width="18.140625" style="18" bestFit="1" customWidth="1"/>
    <col min="10892" max="10892" width="20.28515625" style="18" bestFit="1" customWidth="1"/>
    <col min="10893" max="10893" width="2.140625" style="18" customWidth="1"/>
    <col min="10894" max="10894" width="0" style="18" hidden="1" customWidth="1"/>
    <col min="10895" max="10895" width="11.28515625" style="18" customWidth="1"/>
    <col min="10896" max="10896" width="14" style="18" customWidth="1"/>
    <col min="10897" max="11142" width="11.42578125" style="18"/>
    <col min="11143" max="11143" width="7.5703125" style="18" customWidth="1"/>
    <col min="11144" max="11144" width="7" style="18" customWidth="1"/>
    <col min="11145" max="11145" width="65.42578125" style="18" customWidth="1"/>
    <col min="11146" max="11146" width="17.85546875" style="18" bestFit="1" customWidth="1"/>
    <col min="11147" max="11147" width="18.140625" style="18" bestFit="1" customWidth="1"/>
    <col min="11148" max="11148" width="20.28515625" style="18" bestFit="1" customWidth="1"/>
    <col min="11149" max="11149" width="2.140625" style="18" customWidth="1"/>
    <col min="11150" max="11150" width="0" style="18" hidden="1" customWidth="1"/>
    <col min="11151" max="11151" width="11.28515625" style="18" customWidth="1"/>
    <col min="11152" max="11152" width="14" style="18" customWidth="1"/>
    <col min="11153" max="11398" width="11.42578125" style="18"/>
    <col min="11399" max="11399" width="7.5703125" style="18" customWidth="1"/>
    <col min="11400" max="11400" width="7" style="18" customWidth="1"/>
    <col min="11401" max="11401" width="65.42578125" style="18" customWidth="1"/>
    <col min="11402" max="11402" width="17.85546875" style="18" bestFit="1" customWidth="1"/>
    <col min="11403" max="11403" width="18.140625" style="18" bestFit="1" customWidth="1"/>
    <col min="11404" max="11404" width="20.28515625" style="18" bestFit="1" customWidth="1"/>
    <col min="11405" max="11405" width="2.140625" style="18" customWidth="1"/>
    <col min="11406" max="11406" width="0" style="18" hidden="1" customWidth="1"/>
    <col min="11407" max="11407" width="11.28515625" style="18" customWidth="1"/>
    <col min="11408" max="11408" width="14" style="18" customWidth="1"/>
    <col min="11409" max="11654" width="11.42578125" style="18"/>
    <col min="11655" max="11655" width="7.5703125" style="18" customWidth="1"/>
    <col min="11656" max="11656" width="7" style="18" customWidth="1"/>
    <col min="11657" max="11657" width="65.42578125" style="18" customWidth="1"/>
    <col min="11658" max="11658" width="17.85546875" style="18" bestFit="1" customWidth="1"/>
    <col min="11659" max="11659" width="18.140625" style="18" bestFit="1" customWidth="1"/>
    <col min="11660" max="11660" width="20.28515625" style="18" bestFit="1" customWidth="1"/>
    <col min="11661" max="11661" width="2.140625" style="18" customWidth="1"/>
    <col min="11662" max="11662" width="0" style="18" hidden="1" customWidth="1"/>
    <col min="11663" max="11663" width="11.28515625" style="18" customWidth="1"/>
    <col min="11664" max="11664" width="14" style="18" customWidth="1"/>
    <col min="11665" max="11910" width="11.42578125" style="18"/>
    <col min="11911" max="11911" width="7.5703125" style="18" customWidth="1"/>
    <col min="11912" max="11912" width="7" style="18" customWidth="1"/>
    <col min="11913" max="11913" width="65.42578125" style="18" customWidth="1"/>
    <col min="11914" max="11914" width="17.85546875" style="18" bestFit="1" customWidth="1"/>
    <col min="11915" max="11915" width="18.140625" style="18" bestFit="1" customWidth="1"/>
    <col min="11916" max="11916" width="20.28515625" style="18" bestFit="1" customWidth="1"/>
    <col min="11917" max="11917" width="2.140625" style="18" customWidth="1"/>
    <col min="11918" max="11918" width="0" style="18" hidden="1" customWidth="1"/>
    <col min="11919" max="11919" width="11.28515625" style="18" customWidth="1"/>
    <col min="11920" max="11920" width="14" style="18" customWidth="1"/>
    <col min="11921" max="12166" width="11.42578125" style="18"/>
    <col min="12167" max="12167" width="7.5703125" style="18" customWidth="1"/>
    <col min="12168" max="12168" width="7" style="18" customWidth="1"/>
    <col min="12169" max="12169" width="65.42578125" style="18" customWidth="1"/>
    <col min="12170" max="12170" width="17.85546875" style="18" bestFit="1" customWidth="1"/>
    <col min="12171" max="12171" width="18.140625" style="18" bestFit="1" customWidth="1"/>
    <col min="12172" max="12172" width="20.28515625" style="18" bestFit="1" customWidth="1"/>
    <col min="12173" max="12173" width="2.140625" style="18" customWidth="1"/>
    <col min="12174" max="12174" width="0" style="18" hidden="1" customWidth="1"/>
    <col min="12175" max="12175" width="11.28515625" style="18" customWidth="1"/>
    <col min="12176" max="12176" width="14" style="18" customWidth="1"/>
    <col min="12177" max="12422" width="11.42578125" style="18"/>
    <col min="12423" max="12423" width="7.5703125" style="18" customWidth="1"/>
    <col min="12424" max="12424" width="7" style="18" customWidth="1"/>
    <col min="12425" max="12425" width="65.42578125" style="18" customWidth="1"/>
    <col min="12426" max="12426" width="17.85546875" style="18" bestFit="1" customWidth="1"/>
    <col min="12427" max="12427" width="18.140625" style="18" bestFit="1" customWidth="1"/>
    <col min="12428" max="12428" width="20.28515625" style="18" bestFit="1" customWidth="1"/>
    <col min="12429" max="12429" width="2.140625" style="18" customWidth="1"/>
    <col min="12430" max="12430" width="0" style="18" hidden="1" customWidth="1"/>
    <col min="12431" max="12431" width="11.28515625" style="18" customWidth="1"/>
    <col min="12432" max="12432" width="14" style="18" customWidth="1"/>
    <col min="12433" max="12678" width="11.42578125" style="18"/>
    <col min="12679" max="12679" width="7.5703125" style="18" customWidth="1"/>
    <col min="12680" max="12680" width="7" style="18" customWidth="1"/>
    <col min="12681" max="12681" width="65.42578125" style="18" customWidth="1"/>
    <col min="12682" max="12682" width="17.85546875" style="18" bestFit="1" customWidth="1"/>
    <col min="12683" max="12683" width="18.140625" style="18" bestFit="1" customWidth="1"/>
    <col min="12684" max="12684" width="20.28515625" style="18" bestFit="1" customWidth="1"/>
    <col min="12685" max="12685" width="2.140625" style="18" customWidth="1"/>
    <col min="12686" max="12686" width="0" style="18" hidden="1" customWidth="1"/>
    <col min="12687" max="12687" width="11.28515625" style="18" customWidth="1"/>
    <col min="12688" max="12688" width="14" style="18" customWidth="1"/>
    <col min="12689" max="12934" width="11.42578125" style="18"/>
    <col min="12935" max="12935" width="7.5703125" style="18" customWidth="1"/>
    <col min="12936" max="12936" width="7" style="18" customWidth="1"/>
    <col min="12937" max="12937" width="65.42578125" style="18" customWidth="1"/>
    <col min="12938" max="12938" width="17.85546875" style="18" bestFit="1" customWidth="1"/>
    <col min="12939" max="12939" width="18.140625" style="18" bestFit="1" customWidth="1"/>
    <col min="12940" max="12940" width="20.28515625" style="18" bestFit="1" customWidth="1"/>
    <col min="12941" max="12941" width="2.140625" style="18" customWidth="1"/>
    <col min="12942" max="12942" width="0" style="18" hidden="1" customWidth="1"/>
    <col min="12943" max="12943" width="11.28515625" style="18" customWidth="1"/>
    <col min="12944" max="12944" width="14" style="18" customWidth="1"/>
    <col min="12945" max="13190" width="11.42578125" style="18"/>
    <col min="13191" max="13191" width="7.5703125" style="18" customWidth="1"/>
    <col min="13192" max="13192" width="7" style="18" customWidth="1"/>
    <col min="13193" max="13193" width="65.42578125" style="18" customWidth="1"/>
    <col min="13194" max="13194" width="17.85546875" style="18" bestFit="1" customWidth="1"/>
    <col min="13195" max="13195" width="18.140625" style="18" bestFit="1" customWidth="1"/>
    <col min="13196" max="13196" width="20.28515625" style="18" bestFit="1" customWidth="1"/>
    <col min="13197" max="13197" width="2.140625" style="18" customWidth="1"/>
    <col min="13198" max="13198" width="0" style="18" hidden="1" customWidth="1"/>
    <col min="13199" max="13199" width="11.28515625" style="18" customWidth="1"/>
    <col min="13200" max="13200" width="14" style="18" customWidth="1"/>
    <col min="13201" max="13446" width="11.42578125" style="18"/>
    <col min="13447" max="13447" width="7.5703125" style="18" customWidth="1"/>
    <col min="13448" max="13448" width="7" style="18" customWidth="1"/>
    <col min="13449" max="13449" width="65.42578125" style="18" customWidth="1"/>
    <col min="13450" max="13450" width="17.85546875" style="18" bestFit="1" customWidth="1"/>
    <col min="13451" max="13451" width="18.140625" style="18" bestFit="1" customWidth="1"/>
    <col min="13452" max="13452" width="20.28515625" style="18" bestFit="1" customWidth="1"/>
    <col min="13453" max="13453" width="2.140625" style="18" customWidth="1"/>
    <col min="13454" max="13454" width="0" style="18" hidden="1" customWidth="1"/>
    <col min="13455" max="13455" width="11.28515625" style="18" customWidth="1"/>
    <col min="13456" max="13456" width="14" style="18" customWidth="1"/>
    <col min="13457" max="13702" width="11.42578125" style="18"/>
    <col min="13703" max="13703" width="7.5703125" style="18" customWidth="1"/>
    <col min="13704" max="13704" width="7" style="18" customWidth="1"/>
    <col min="13705" max="13705" width="65.42578125" style="18" customWidth="1"/>
    <col min="13706" max="13706" width="17.85546875" style="18" bestFit="1" customWidth="1"/>
    <col min="13707" max="13707" width="18.140625" style="18" bestFit="1" customWidth="1"/>
    <col min="13708" max="13708" width="20.28515625" style="18" bestFit="1" customWidth="1"/>
    <col min="13709" max="13709" width="2.140625" style="18" customWidth="1"/>
    <col min="13710" max="13710" width="0" style="18" hidden="1" customWidth="1"/>
    <col min="13711" max="13711" width="11.28515625" style="18" customWidth="1"/>
    <col min="13712" max="13712" width="14" style="18" customWidth="1"/>
    <col min="13713" max="13958" width="11.42578125" style="18"/>
    <col min="13959" max="13959" width="7.5703125" style="18" customWidth="1"/>
    <col min="13960" max="13960" width="7" style="18" customWidth="1"/>
    <col min="13961" max="13961" width="65.42578125" style="18" customWidth="1"/>
    <col min="13962" max="13962" width="17.85546875" style="18" bestFit="1" customWidth="1"/>
    <col min="13963" max="13963" width="18.140625" style="18" bestFit="1" customWidth="1"/>
    <col min="13964" max="13964" width="20.28515625" style="18" bestFit="1" customWidth="1"/>
    <col min="13965" max="13965" width="2.140625" style="18" customWidth="1"/>
    <col min="13966" max="13966" width="0" style="18" hidden="1" customWidth="1"/>
    <col min="13967" max="13967" width="11.28515625" style="18" customWidth="1"/>
    <col min="13968" max="13968" width="14" style="18" customWidth="1"/>
    <col min="13969" max="14214" width="11.42578125" style="18"/>
    <col min="14215" max="14215" width="7.5703125" style="18" customWidth="1"/>
    <col min="14216" max="14216" width="7" style="18" customWidth="1"/>
    <col min="14217" max="14217" width="65.42578125" style="18" customWidth="1"/>
    <col min="14218" max="14218" width="17.85546875" style="18" bestFit="1" customWidth="1"/>
    <col min="14219" max="14219" width="18.140625" style="18" bestFit="1" customWidth="1"/>
    <col min="14220" max="14220" width="20.28515625" style="18" bestFit="1" customWidth="1"/>
    <col min="14221" max="14221" width="2.140625" style="18" customWidth="1"/>
    <col min="14222" max="14222" width="0" style="18" hidden="1" customWidth="1"/>
    <col min="14223" max="14223" width="11.28515625" style="18" customWidth="1"/>
    <col min="14224" max="14224" width="14" style="18" customWidth="1"/>
    <col min="14225" max="14470" width="11.42578125" style="18"/>
    <col min="14471" max="14471" width="7.5703125" style="18" customWidth="1"/>
    <col min="14472" max="14472" width="7" style="18" customWidth="1"/>
    <col min="14473" max="14473" width="65.42578125" style="18" customWidth="1"/>
    <col min="14474" max="14474" width="17.85546875" style="18" bestFit="1" customWidth="1"/>
    <col min="14475" max="14475" width="18.140625" style="18" bestFit="1" customWidth="1"/>
    <col min="14476" max="14476" width="20.28515625" style="18" bestFit="1" customWidth="1"/>
    <col min="14477" max="14477" width="2.140625" style="18" customWidth="1"/>
    <col min="14478" max="14478" width="0" style="18" hidden="1" customWidth="1"/>
    <col min="14479" max="14479" width="11.28515625" style="18" customWidth="1"/>
    <col min="14480" max="14480" width="14" style="18" customWidth="1"/>
    <col min="14481" max="14726" width="11.42578125" style="18"/>
    <col min="14727" max="14727" width="7.5703125" style="18" customWidth="1"/>
    <col min="14728" max="14728" width="7" style="18" customWidth="1"/>
    <col min="14729" max="14729" width="65.42578125" style="18" customWidth="1"/>
    <col min="14730" max="14730" width="17.85546875" style="18" bestFit="1" customWidth="1"/>
    <col min="14731" max="14731" width="18.140625" style="18" bestFit="1" customWidth="1"/>
    <col min="14732" max="14732" width="20.28515625" style="18" bestFit="1" customWidth="1"/>
    <col min="14733" max="14733" width="2.140625" style="18" customWidth="1"/>
    <col min="14734" max="14734" width="0" style="18" hidden="1" customWidth="1"/>
    <col min="14735" max="14735" width="11.28515625" style="18" customWidth="1"/>
    <col min="14736" max="14736" width="14" style="18" customWidth="1"/>
    <col min="14737" max="14982" width="11.42578125" style="18"/>
    <col min="14983" max="14983" width="7.5703125" style="18" customWidth="1"/>
    <col min="14984" max="14984" width="7" style="18" customWidth="1"/>
    <col min="14985" max="14985" width="65.42578125" style="18" customWidth="1"/>
    <col min="14986" max="14986" width="17.85546875" style="18" bestFit="1" customWidth="1"/>
    <col min="14987" max="14987" width="18.140625" style="18" bestFit="1" customWidth="1"/>
    <col min="14988" max="14988" width="20.28515625" style="18" bestFit="1" customWidth="1"/>
    <col min="14989" max="14989" width="2.140625" style="18" customWidth="1"/>
    <col min="14990" max="14990" width="0" style="18" hidden="1" customWidth="1"/>
    <col min="14991" max="14991" width="11.28515625" style="18" customWidth="1"/>
    <col min="14992" max="14992" width="14" style="18" customWidth="1"/>
    <col min="14993" max="15238" width="11.42578125" style="18"/>
    <col min="15239" max="15239" width="7.5703125" style="18" customWidth="1"/>
    <col min="15240" max="15240" width="7" style="18" customWidth="1"/>
    <col min="15241" max="15241" width="65.42578125" style="18" customWidth="1"/>
    <col min="15242" max="15242" width="17.85546875" style="18" bestFit="1" customWidth="1"/>
    <col min="15243" max="15243" width="18.140625" style="18" bestFit="1" customWidth="1"/>
    <col min="15244" max="15244" width="20.28515625" style="18" bestFit="1" customWidth="1"/>
    <col min="15245" max="15245" width="2.140625" style="18" customWidth="1"/>
    <col min="15246" max="15246" width="0" style="18" hidden="1" customWidth="1"/>
    <col min="15247" max="15247" width="11.28515625" style="18" customWidth="1"/>
    <col min="15248" max="15248" width="14" style="18" customWidth="1"/>
    <col min="15249" max="15494" width="11.42578125" style="18"/>
    <col min="15495" max="15495" width="7.5703125" style="18" customWidth="1"/>
    <col min="15496" max="15496" width="7" style="18" customWidth="1"/>
    <col min="15497" max="15497" width="65.42578125" style="18" customWidth="1"/>
    <col min="15498" max="15498" width="17.85546875" style="18" bestFit="1" customWidth="1"/>
    <col min="15499" max="15499" width="18.140625" style="18" bestFit="1" customWidth="1"/>
    <col min="15500" max="15500" width="20.28515625" style="18" bestFit="1" customWidth="1"/>
    <col min="15501" max="15501" width="2.140625" style="18" customWidth="1"/>
    <col min="15502" max="15502" width="0" style="18" hidden="1" customWidth="1"/>
    <col min="15503" max="15503" width="11.28515625" style="18" customWidth="1"/>
    <col min="15504" max="15504" width="14" style="18" customWidth="1"/>
    <col min="15505" max="15750" width="11.42578125" style="18"/>
    <col min="15751" max="15751" width="7.5703125" style="18" customWidth="1"/>
    <col min="15752" max="15752" width="7" style="18" customWidth="1"/>
    <col min="15753" max="15753" width="65.42578125" style="18" customWidth="1"/>
    <col min="15754" max="15754" width="17.85546875" style="18" bestFit="1" customWidth="1"/>
    <col min="15755" max="15755" width="18.140625" style="18" bestFit="1" customWidth="1"/>
    <col min="15756" max="15756" width="20.28515625" style="18" bestFit="1" customWidth="1"/>
    <col min="15757" max="15757" width="2.140625" style="18" customWidth="1"/>
    <col min="15758" max="15758" width="0" style="18" hidden="1" customWidth="1"/>
    <col min="15759" max="15759" width="11.28515625" style="18" customWidth="1"/>
    <col min="15760" max="15760" width="14" style="18" customWidth="1"/>
    <col min="15761" max="16006" width="11.42578125" style="18"/>
    <col min="16007" max="16007" width="7.5703125" style="18" customWidth="1"/>
    <col min="16008" max="16008" width="7" style="18" customWidth="1"/>
    <col min="16009" max="16009" width="65.42578125" style="18" customWidth="1"/>
    <col min="16010" max="16010" width="17.85546875" style="18" bestFit="1" customWidth="1"/>
    <col min="16011" max="16011" width="18.140625" style="18" bestFit="1" customWidth="1"/>
    <col min="16012" max="16012" width="20.28515625" style="18" bestFit="1" customWidth="1"/>
    <col min="16013" max="16013" width="2.140625" style="18" customWidth="1"/>
    <col min="16014" max="16014" width="0" style="18" hidden="1" customWidth="1"/>
    <col min="16015" max="16015" width="11.28515625" style="18" customWidth="1"/>
    <col min="16016" max="16016" width="14" style="18" customWidth="1"/>
    <col min="16017" max="16384" width="11.42578125" style="18"/>
  </cols>
  <sheetData>
    <row r="1" spans="1:7">
      <c r="A1" s="17"/>
      <c r="B1" s="37" t="s">
        <v>164</v>
      </c>
      <c r="D1" s="33"/>
      <c r="E1" s="33"/>
      <c r="F1" s="33"/>
      <c r="G1" s="33"/>
    </row>
    <row r="2" spans="1:7">
      <c r="B2" s="38"/>
      <c r="C2" s="19"/>
      <c r="D2" s="33"/>
      <c r="E2" s="33"/>
      <c r="F2" s="33"/>
      <c r="G2" s="33"/>
    </row>
    <row r="3" spans="1:7" s="19" customFormat="1">
      <c r="A3" s="20"/>
      <c r="B3" s="39" t="s">
        <v>160</v>
      </c>
      <c r="D3" s="33"/>
      <c r="E3" s="33"/>
      <c r="F3" s="33"/>
      <c r="G3" s="33"/>
    </row>
    <row r="4" spans="1:7">
      <c r="B4" s="40" t="s">
        <v>3</v>
      </c>
      <c r="C4" s="34"/>
    </row>
    <row r="5" spans="1:7">
      <c r="B5" s="38"/>
      <c r="C5" s="19"/>
    </row>
    <row r="6" spans="1:7" s="32" customFormat="1" ht="31.15" customHeight="1">
      <c r="B6" s="65" t="s">
        <v>1</v>
      </c>
      <c r="C6" s="66"/>
      <c r="D6" s="36" t="s">
        <v>162</v>
      </c>
      <c r="E6" s="36" t="s">
        <v>163</v>
      </c>
      <c r="F6" s="36" t="s">
        <v>159</v>
      </c>
      <c r="G6" s="36" t="s">
        <v>0</v>
      </c>
    </row>
    <row r="7" spans="1:7">
      <c r="B7" s="41" t="s">
        <v>4</v>
      </c>
      <c r="C7" s="21"/>
      <c r="D7" s="21"/>
      <c r="E7" s="21"/>
      <c r="F7" s="21"/>
      <c r="G7" s="21"/>
    </row>
    <row r="8" spans="1:7">
      <c r="B8" s="42">
        <v>1</v>
      </c>
      <c r="C8" s="21" t="s">
        <v>5</v>
      </c>
      <c r="D8" s="21">
        <v>21941.7</v>
      </c>
      <c r="E8" s="21">
        <v>21941.7</v>
      </c>
      <c r="F8" s="21">
        <v>21941.718327886298</v>
      </c>
      <c r="G8" s="21">
        <v>21942</v>
      </c>
    </row>
    <row r="9" spans="1:7">
      <c r="B9" s="42"/>
      <c r="C9" s="21" t="s">
        <v>6</v>
      </c>
      <c r="D9" s="21">
        <v>21941.7</v>
      </c>
      <c r="E9" s="21">
        <v>21941.7</v>
      </c>
      <c r="F9" s="21">
        <v>21941.718327886298</v>
      </c>
      <c r="G9" s="21">
        <v>21942</v>
      </c>
    </row>
    <row r="10" spans="1:7">
      <c r="A10" s="19"/>
      <c r="B10" s="42">
        <v>2</v>
      </c>
      <c r="C10" s="21" t="s">
        <v>7</v>
      </c>
      <c r="D10" s="21">
        <v>60263.1</v>
      </c>
      <c r="E10" s="21">
        <v>60545.4</v>
      </c>
      <c r="F10" s="21">
        <v>60824.500904367</v>
      </c>
      <c r="G10" s="21">
        <v>60659</v>
      </c>
    </row>
    <row r="11" spans="1:7" ht="25.5">
      <c r="A11" s="19"/>
      <c r="B11" s="42">
        <v>3</v>
      </c>
      <c r="C11" s="22" t="s">
        <v>8</v>
      </c>
      <c r="D11" s="21">
        <v>44856.6</v>
      </c>
      <c r="E11" s="21">
        <v>44578.2</v>
      </c>
      <c r="F11" s="21">
        <v>45200.226575671717</v>
      </c>
      <c r="G11" s="21">
        <v>44086</v>
      </c>
    </row>
    <row r="12" spans="1:7">
      <c r="A12" s="19"/>
      <c r="B12" s="42" t="s">
        <v>9</v>
      </c>
      <c r="C12" s="21" t="s">
        <v>10</v>
      </c>
      <c r="D12" s="21"/>
      <c r="E12" s="21"/>
      <c r="F12" s="21"/>
      <c r="G12" s="21"/>
    </row>
    <row r="13" spans="1:7" ht="25.5">
      <c r="A13" s="19"/>
      <c r="B13" s="42">
        <v>4</v>
      </c>
      <c r="C13" s="22" t="s">
        <v>11</v>
      </c>
      <c r="D13" s="21"/>
      <c r="E13" s="21"/>
      <c r="F13" s="21"/>
      <c r="G13" s="21"/>
    </row>
    <row r="14" spans="1:7" s="19" customFormat="1">
      <c r="B14" s="42">
        <v>5</v>
      </c>
      <c r="C14" s="21" t="s">
        <v>12</v>
      </c>
      <c r="D14" s="21"/>
      <c r="E14" s="21"/>
      <c r="F14" s="21"/>
      <c r="G14" s="21"/>
    </row>
    <row r="15" spans="1:7" s="19" customFormat="1">
      <c r="B15" s="42" t="s">
        <v>13</v>
      </c>
      <c r="C15" s="21" t="s">
        <v>14</v>
      </c>
      <c r="D15" s="21">
        <v>3594.7</v>
      </c>
      <c r="E15" s="21">
        <v>2578.1999999999998</v>
      </c>
      <c r="F15" s="21">
        <v>1159.6754572435223</v>
      </c>
      <c r="G15" s="21">
        <v>-14</v>
      </c>
    </row>
    <row r="16" spans="1:7" s="20" customFormat="1">
      <c r="B16" s="43">
        <v>6</v>
      </c>
      <c r="C16" s="23" t="s">
        <v>15</v>
      </c>
      <c r="D16" s="23">
        <v>130656.1</v>
      </c>
      <c r="E16" s="23">
        <v>129643.5</v>
      </c>
      <c r="F16" s="23">
        <v>129126.12126516855</v>
      </c>
      <c r="G16" s="23">
        <v>126673</v>
      </c>
    </row>
    <row r="17" spans="1:7">
      <c r="A17" s="19"/>
      <c r="B17" s="41" t="s">
        <v>16</v>
      </c>
      <c r="C17" s="21"/>
      <c r="D17" s="21"/>
      <c r="E17" s="21"/>
      <c r="F17" s="21"/>
      <c r="G17" s="21"/>
    </row>
    <row r="18" spans="1:7">
      <c r="A18" s="19"/>
      <c r="B18" s="42">
        <v>7</v>
      </c>
      <c r="C18" s="21" t="s">
        <v>17</v>
      </c>
      <c r="D18" s="21">
        <v>-706</v>
      </c>
      <c r="E18" s="21">
        <v>-738</v>
      </c>
      <c r="F18" s="21">
        <v>-990</v>
      </c>
      <c r="G18" s="21">
        <v>-1169</v>
      </c>
    </row>
    <row r="19" spans="1:7">
      <c r="A19" s="19"/>
      <c r="B19" s="42">
        <v>8</v>
      </c>
      <c r="C19" s="21" t="s">
        <v>18</v>
      </c>
      <c r="D19" s="21">
        <v>-7000.85</v>
      </c>
      <c r="E19" s="21">
        <v>-6938.4</v>
      </c>
      <c r="F19" s="21">
        <v>-6893</v>
      </c>
      <c r="G19" s="21">
        <v>-6835</v>
      </c>
    </row>
    <row r="20" spans="1:7">
      <c r="A20" s="19"/>
      <c r="B20" s="42">
        <v>9</v>
      </c>
      <c r="C20" s="21" t="s">
        <v>19</v>
      </c>
      <c r="D20" s="21"/>
      <c r="E20" s="21"/>
      <c r="F20" s="21"/>
      <c r="G20" s="21"/>
    </row>
    <row r="21" spans="1:7" ht="25.5">
      <c r="A21" s="19"/>
      <c r="B21" s="42">
        <v>10</v>
      </c>
      <c r="C21" s="22" t="s">
        <v>20</v>
      </c>
      <c r="D21" s="21">
        <v>-105</v>
      </c>
      <c r="E21" s="21">
        <v>-166.8</v>
      </c>
      <c r="F21" s="21">
        <v>-185</v>
      </c>
      <c r="G21" s="21">
        <v>-208</v>
      </c>
    </row>
    <row r="22" spans="1:7">
      <c r="A22" s="19"/>
      <c r="B22" s="42">
        <v>11</v>
      </c>
      <c r="C22" s="21" t="s">
        <v>21</v>
      </c>
      <c r="D22" s="21">
        <v>-1453.7</v>
      </c>
      <c r="E22" s="21">
        <v>-1739.7</v>
      </c>
      <c r="F22" s="21">
        <v>-2048</v>
      </c>
      <c r="G22" s="21">
        <v>-2400</v>
      </c>
    </row>
    <row r="23" spans="1:7">
      <c r="A23" s="19"/>
      <c r="B23" s="42">
        <v>12</v>
      </c>
      <c r="C23" s="21" t="s">
        <v>22</v>
      </c>
      <c r="D23" s="21">
        <v>-1017.3</v>
      </c>
      <c r="E23" s="21">
        <v>-737</v>
      </c>
      <c r="F23" s="21">
        <v>-628</v>
      </c>
      <c r="G23" s="21">
        <v>-381</v>
      </c>
    </row>
    <row r="24" spans="1:7">
      <c r="A24" s="19"/>
      <c r="B24" s="42">
        <v>13</v>
      </c>
      <c r="C24" s="21" t="s">
        <v>23</v>
      </c>
      <c r="D24" s="21"/>
      <c r="E24" s="21"/>
      <c r="F24" s="21"/>
      <c r="G24" s="21"/>
    </row>
    <row r="25" spans="1:7">
      <c r="A25" s="19"/>
      <c r="B25" s="42">
        <v>14</v>
      </c>
      <c r="C25" s="21" t="s">
        <v>24</v>
      </c>
      <c r="D25" s="21">
        <v>114.4</v>
      </c>
      <c r="E25" s="21">
        <v>72</v>
      </c>
      <c r="F25" s="21">
        <v>50</v>
      </c>
      <c r="G25" s="21">
        <v>-115</v>
      </c>
    </row>
    <row r="26" spans="1:7">
      <c r="A26" s="19"/>
      <c r="B26" s="42">
        <v>15</v>
      </c>
      <c r="C26" s="21" t="s">
        <v>25</v>
      </c>
      <c r="D26" s="21">
        <v>-2269</v>
      </c>
      <c r="E26" s="21">
        <v>-2348.1</v>
      </c>
      <c r="F26" s="21">
        <v>-2834</v>
      </c>
      <c r="G26" s="21">
        <v>-920</v>
      </c>
    </row>
    <row r="27" spans="1:7">
      <c r="A27" s="19"/>
      <c r="B27" s="42">
        <v>16</v>
      </c>
      <c r="C27" s="21" t="s">
        <v>26</v>
      </c>
      <c r="D27" s="21">
        <v>-214.6</v>
      </c>
      <c r="E27" s="21">
        <v>-203.8</v>
      </c>
      <c r="F27" s="21">
        <v>-199</v>
      </c>
      <c r="G27" s="21">
        <v>-191</v>
      </c>
    </row>
    <row r="28" spans="1:7" ht="25.5">
      <c r="A28" s="19"/>
      <c r="B28" s="42">
        <v>17</v>
      </c>
      <c r="C28" s="22" t="s">
        <v>27</v>
      </c>
      <c r="D28" s="21"/>
      <c r="E28" s="21"/>
      <c r="F28" s="21"/>
      <c r="G28" s="21"/>
    </row>
    <row r="29" spans="1:7" ht="38.25">
      <c r="A29" s="19"/>
      <c r="B29" s="42">
        <v>18</v>
      </c>
      <c r="C29" s="22" t="s">
        <v>28</v>
      </c>
      <c r="D29" s="21"/>
      <c r="E29" s="21"/>
      <c r="F29" s="21"/>
      <c r="G29" s="21"/>
    </row>
    <row r="30" spans="1:7" ht="38.25">
      <c r="A30" s="19"/>
      <c r="B30" s="42">
        <v>19</v>
      </c>
      <c r="C30" s="22" t="s">
        <v>29</v>
      </c>
      <c r="D30" s="21"/>
      <c r="E30" s="21"/>
      <c r="F30" s="21"/>
      <c r="G30" s="21"/>
    </row>
    <row r="31" spans="1:7">
      <c r="A31" s="19"/>
      <c r="B31" s="42">
        <v>20</v>
      </c>
      <c r="C31" s="21" t="s">
        <v>19</v>
      </c>
      <c r="D31" s="21"/>
      <c r="E31" s="21"/>
      <c r="F31" s="21"/>
      <c r="G31" s="21"/>
    </row>
    <row r="32" spans="1:7" ht="25.5">
      <c r="A32" s="19"/>
      <c r="B32" s="42" t="s">
        <v>30</v>
      </c>
      <c r="C32" s="22" t="s">
        <v>31</v>
      </c>
      <c r="D32" s="21">
        <v>-26.6</v>
      </c>
      <c r="E32" s="21">
        <v>-30.3</v>
      </c>
      <c r="F32" s="21">
        <v>-33</v>
      </c>
      <c r="G32" s="21">
        <v>-35</v>
      </c>
    </row>
    <row r="33" spans="1:7">
      <c r="A33" s="19"/>
      <c r="B33" s="42" t="s">
        <v>32</v>
      </c>
      <c r="C33" s="21" t="s">
        <v>33</v>
      </c>
      <c r="D33" s="21"/>
      <c r="E33" s="21"/>
      <c r="F33" s="21"/>
      <c r="G33" s="21"/>
    </row>
    <row r="34" spans="1:7">
      <c r="A34" s="19"/>
      <c r="B34" s="42" t="s">
        <v>34</v>
      </c>
      <c r="C34" s="21" t="s">
        <v>35</v>
      </c>
      <c r="D34" s="21">
        <v>-26.6</v>
      </c>
      <c r="E34" s="21">
        <v>-30.3</v>
      </c>
      <c r="F34" s="21">
        <v>-33</v>
      </c>
      <c r="G34" s="21">
        <v>-35</v>
      </c>
    </row>
    <row r="35" spans="1:7">
      <c r="A35" s="19"/>
      <c r="B35" s="42" t="s">
        <v>36</v>
      </c>
      <c r="C35" s="21" t="s">
        <v>37</v>
      </c>
      <c r="D35" s="21"/>
      <c r="E35" s="21"/>
      <c r="F35" s="21"/>
      <c r="G35" s="21"/>
    </row>
    <row r="36" spans="1:7" ht="25.5">
      <c r="A36" s="19"/>
      <c r="B36" s="42">
        <v>21</v>
      </c>
      <c r="C36" s="22" t="s">
        <v>38</v>
      </c>
      <c r="D36" s="21"/>
      <c r="E36" s="21"/>
      <c r="F36" s="21"/>
      <c r="G36" s="21"/>
    </row>
    <row r="37" spans="1:7">
      <c r="A37" s="19"/>
      <c r="B37" s="42">
        <v>22</v>
      </c>
      <c r="C37" s="22" t="s">
        <v>39</v>
      </c>
      <c r="D37" s="21"/>
      <c r="E37" s="21"/>
      <c r="F37" s="21"/>
      <c r="G37" s="21"/>
    </row>
    <row r="38" spans="1:7" ht="25.5">
      <c r="A38" s="19"/>
      <c r="B38" s="42">
        <v>23</v>
      </c>
      <c r="C38" s="22" t="s">
        <v>40</v>
      </c>
      <c r="D38" s="21"/>
      <c r="E38" s="21"/>
      <c r="F38" s="21"/>
      <c r="G38" s="21"/>
    </row>
    <row r="39" spans="1:7">
      <c r="A39" s="19"/>
      <c r="B39" s="42">
        <v>24</v>
      </c>
      <c r="C39" s="22" t="s">
        <v>19</v>
      </c>
      <c r="D39" s="21"/>
      <c r="E39" s="21"/>
      <c r="F39" s="21"/>
      <c r="G39" s="21"/>
    </row>
    <row r="40" spans="1:7">
      <c r="A40" s="19"/>
      <c r="B40" s="42">
        <v>25</v>
      </c>
      <c r="C40" s="22" t="s">
        <v>41</v>
      </c>
      <c r="D40" s="21"/>
      <c r="E40" s="21"/>
      <c r="F40" s="21"/>
      <c r="G40" s="21"/>
    </row>
    <row r="41" spans="1:7">
      <c r="A41" s="19"/>
      <c r="B41" s="42" t="s">
        <v>42</v>
      </c>
      <c r="C41" s="22" t="s">
        <v>43</v>
      </c>
      <c r="D41" s="21"/>
      <c r="E41" s="21"/>
      <c r="F41" s="21"/>
      <c r="G41" s="21"/>
    </row>
    <row r="42" spans="1:7">
      <c r="A42" s="19"/>
      <c r="B42" s="42" t="s">
        <v>44</v>
      </c>
      <c r="C42" s="22" t="s">
        <v>45</v>
      </c>
      <c r="D42" s="21"/>
      <c r="E42" s="21"/>
      <c r="F42" s="21"/>
      <c r="G42" s="21"/>
    </row>
    <row r="43" spans="1:7">
      <c r="A43" s="19"/>
      <c r="B43" s="42">
        <v>26</v>
      </c>
      <c r="C43" s="22" t="s">
        <v>46</v>
      </c>
      <c r="D43" s="21"/>
      <c r="E43" s="21"/>
      <c r="F43" s="21"/>
      <c r="G43" s="21"/>
    </row>
    <row r="44" spans="1:7">
      <c r="A44" s="19"/>
      <c r="B44" s="42" t="s">
        <v>47</v>
      </c>
      <c r="C44" s="22" t="s">
        <v>48</v>
      </c>
      <c r="D44" s="24"/>
      <c r="E44" s="24"/>
      <c r="F44" s="24"/>
      <c r="G44" s="24"/>
    </row>
    <row r="45" spans="1:7">
      <c r="A45" s="19"/>
      <c r="B45" s="42"/>
      <c r="C45" s="22" t="s">
        <v>49</v>
      </c>
      <c r="D45" s="21"/>
      <c r="E45" s="21"/>
      <c r="F45" s="21"/>
      <c r="G45" s="21"/>
    </row>
    <row r="46" spans="1:7">
      <c r="A46" s="19"/>
      <c r="B46" s="42"/>
      <c r="C46" s="22" t="s">
        <v>50</v>
      </c>
      <c r="D46" s="21"/>
      <c r="E46" s="21"/>
      <c r="F46" s="21"/>
      <c r="G46" s="21"/>
    </row>
    <row r="47" spans="1:7" s="19" customFormat="1" ht="25.5">
      <c r="B47" s="42" t="s">
        <v>51</v>
      </c>
      <c r="C47" s="22" t="s">
        <v>52</v>
      </c>
      <c r="D47" s="21"/>
      <c r="E47" s="21"/>
      <c r="F47" s="21"/>
      <c r="G47" s="21"/>
    </row>
    <row r="48" spans="1:7" s="19" customFormat="1">
      <c r="B48" s="42">
        <v>27</v>
      </c>
      <c r="C48" s="22" t="s">
        <v>53</v>
      </c>
      <c r="D48" s="25"/>
      <c r="E48" s="25"/>
      <c r="F48" s="25"/>
      <c r="G48" s="25"/>
    </row>
    <row r="49" spans="1:7" s="19" customFormat="1">
      <c r="B49" s="44">
        <v>28</v>
      </c>
      <c r="C49" s="26" t="s">
        <v>54</v>
      </c>
      <c r="D49" s="26">
        <v>-12678.5</v>
      </c>
      <c r="E49" s="26">
        <v>-12830.1</v>
      </c>
      <c r="F49" s="26">
        <v>-13760</v>
      </c>
      <c r="G49" s="26">
        <v>-12254</v>
      </c>
    </row>
    <row r="50" spans="1:7" s="19" customFormat="1">
      <c r="B50" s="45">
        <v>29</v>
      </c>
      <c r="C50" s="24" t="s">
        <v>55</v>
      </c>
      <c r="D50" s="24">
        <v>117977.5</v>
      </c>
      <c r="E50" s="24">
        <v>116813.4</v>
      </c>
      <c r="F50" s="24">
        <v>115366.12126516855</v>
      </c>
      <c r="G50" s="24">
        <v>114419</v>
      </c>
    </row>
    <row r="51" spans="1:7" s="19" customFormat="1">
      <c r="B51" s="41" t="s">
        <v>56</v>
      </c>
      <c r="C51" s="21"/>
      <c r="D51" s="21"/>
      <c r="E51" s="21"/>
      <c r="F51" s="21"/>
      <c r="G51" s="21"/>
    </row>
    <row r="52" spans="1:7">
      <c r="A52" s="19"/>
      <c r="B52" s="42">
        <v>30</v>
      </c>
      <c r="C52" s="21" t="s">
        <v>5</v>
      </c>
      <c r="D52" s="21">
        <v>13899.5</v>
      </c>
      <c r="E52" s="21">
        <v>14320.6</v>
      </c>
      <c r="F52" s="21">
        <v>15200</v>
      </c>
      <c r="G52" s="21">
        <v>9959</v>
      </c>
    </row>
    <row r="53" spans="1:7">
      <c r="A53" s="19"/>
      <c r="B53" s="42">
        <v>31</v>
      </c>
      <c r="C53" s="21" t="s">
        <v>57</v>
      </c>
      <c r="D53" s="21"/>
      <c r="E53" s="21"/>
      <c r="F53" s="21"/>
      <c r="G53" s="21"/>
    </row>
    <row r="54" spans="1:7">
      <c r="A54" s="19"/>
      <c r="B54" s="42">
        <v>32</v>
      </c>
      <c r="C54" s="21" t="s">
        <v>58</v>
      </c>
      <c r="D54" s="21">
        <v>13899.5</v>
      </c>
      <c r="E54" s="21">
        <v>14320.6</v>
      </c>
      <c r="F54" s="21">
        <v>15200</v>
      </c>
      <c r="G54" s="21">
        <v>9959</v>
      </c>
    </row>
    <row r="55" spans="1:7" ht="25.5">
      <c r="A55" s="19"/>
      <c r="B55" s="42">
        <v>33</v>
      </c>
      <c r="C55" s="22" t="s">
        <v>59</v>
      </c>
      <c r="D55" s="21"/>
      <c r="E55" s="21">
        <v>4811.3</v>
      </c>
      <c r="F55" s="21">
        <v>4772</v>
      </c>
      <c r="G55" s="21">
        <v>4779</v>
      </c>
    </row>
    <row r="56" spans="1:7">
      <c r="A56" s="19"/>
      <c r="B56" s="42"/>
      <c r="C56" s="22" t="s">
        <v>60</v>
      </c>
      <c r="D56" s="21"/>
      <c r="E56" s="21"/>
      <c r="F56" s="21"/>
      <c r="G56" s="21"/>
    </row>
    <row r="57" spans="1:7" ht="25.5">
      <c r="A57" s="19"/>
      <c r="B57" s="42">
        <v>34</v>
      </c>
      <c r="C57" s="22" t="s">
        <v>61</v>
      </c>
      <c r="D57" s="21"/>
      <c r="E57" s="21"/>
      <c r="F57" s="21"/>
      <c r="G57" s="21"/>
    </row>
    <row r="58" spans="1:7" s="19" customFormat="1">
      <c r="B58" s="46">
        <v>35</v>
      </c>
      <c r="C58" s="25" t="s">
        <v>62</v>
      </c>
      <c r="D58" s="25"/>
      <c r="E58" s="25"/>
      <c r="F58" s="25"/>
      <c r="G58" s="25"/>
    </row>
    <row r="59" spans="1:7" s="27" customFormat="1">
      <c r="A59" s="20"/>
      <c r="B59" s="45">
        <v>36</v>
      </c>
      <c r="C59" s="24" t="s">
        <v>63</v>
      </c>
      <c r="D59" s="24">
        <v>13899.5</v>
      </c>
      <c r="E59" s="24">
        <v>19131.900000000001</v>
      </c>
      <c r="F59" s="24">
        <v>19972</v>
      </c>
      <c r="G59" s="24">
        <v>14738</v>
      </c>
    </row>
    <row r="60" spans="1:7">
      <c r="A60" s="19"/>
      <c r="B60" s="41" t="s">
        <v>64</v>
      </c>
      <c r="C60" s="21"/>
      <c r="D60" s="21"/>
      <c r="E60" s="21"/>
      <c r="F60" s="21"/>
      <c r="G60" s="21"/>
    </row>
    <row r="61" spans="1:7">
      <c r="A61" s="19"/>
      <c r="B61" s="42">
        <v>37</v>
      </c>
      <c r="C61" s="22" t="s">
        <v>65</v>
      </c>
      <c r="D61" s="21"/>
      <c r="E61" s="21"/>
      <c r="F61" s="21"/>
      <c r="G61" s="21"/>
    </row>
    <row r="62" spans="1:7" ht="25.5">
      <c r="A62" s="19"/>
      <c r="B62" s="42">
        <v>38</v>
      </c>
      <c r="C62" s="22" t="s">
        <v>66</v>
      </c>
      <c r="D62" s="21"/>
      <c r="E62" s="21"/>
      <c r="F62" s="21"/>
      <c r="G62" s="21"/>
    </row>
    <row r="63" spans="1:7" ht="38.25">
      <c r="A63" s="19"/>
      <c r="B63" s="42">
        <v>39</v>
      </c>
      <c r="C63" s="22" t="s">
        <v>67</v>
      </c>
      <c r="D63" s="21"/>
      <c r="E63" s="21"/>
      <c r="F63" s="21"/>
      <c r="G63" s="21"/>
    </row>
    <row r="64" spans="1:7" ht="38.25">
      <c r="A64" s="19"/>
      <c r="B64" s="42">
        <v>40</v>
      </c>
      <c r="C64" s="22" t="s">
        <v>68</v>
      </c>
      <c r="D64" s="21"/>
      <c r="E64" s="21"/>
      <c r="F64" s="21"/>
      <c r="G64" s="21"/>
    </row>
    <row r="65" spans="1:7" ht="38.25">
      <c r="A65" s="19"/>
      <c r="B65" s="42">
        <v>41</v>
      </c>
      <c r="C65" s="22" t="s">
        <v>69</v>
      </c>
      <c r="D65" s="21"/>
      <c r="E65" s="21"/>
      <c r="F65" s="21"/>
      <c r="G65" s="21"/>
    </row>
    <row r="66" spans="1:7" ht="25.5">
      <c r="A66" s="19"/>
      <c r="B66" s="42" t="s">
        <v>70</v>
      </c>
      <c r="C66" s="22" t="s">
        <v>71</v>
      </c>
      <c r="D66" s="21"/>
      <c r="E66" s="21"/>
      <c r="F66" s="21"/>
      <c r="G66" s="21"/>
    </row>
    <row r="67" spans="1:7" s="19" customFormat="1" ht="25.5">
      <c r="B67" s="42" t="s">
        <v>72</v>
      </c>
      <c r="C67" s="22" t="s">
        <v>73</v>
      </c>
      <c r="D67" s="21"/>
      <c r="E67" s="21"/>
      <c r="F67" s="21"/>
      <c r="G67" s="21"/>
    </row>
    <row r="68" spans="1:7" s="19" customFormat="1" ht="25.5">
      <c r="B68" s="42" t="s">
        <v>74</v>
      </c>
      <c r="C68" s="22" t="s">
        <v>75</v>
      </c>
      <c r="D68" s="21"/>
      <c r="E68" s="21"/>
      <c r="F68" s="21"/>
      <c r="G68" s="21"/>
    </row>
    <row r="69" spans="1:7" s="19" customFormat="1">
      <c r="B69" s="42">
        <v>42</v>
      </c>
      <c r="C69" s="25" t="s">
        <v>76</v>
      </c>
      <c r="D69" s="25"/>
      <c r="E69" s="25"/>
      <c r="F69" s="25"/>
      <c r="G69" s="25"/>
    </row>
    <row r="70" spans="1:7" s="19" customFormat="1">
      <c r="B70" s="44">
        <v>43</v>
      </c>
      <c r="C70" s="26" t="s">
        <v>77</v>
      </c>
      <c r="D70" s="26">
        <v>0</v>
      </c>
      <c r="E70" s="26">
        <v>0</v>
      </c>
      <c r="F70" s="26">
        <v>0</v>
      </c>
      <c r="G70" s="26">
        <v>0</v>
      </c>
    </row>
    <row r="71" spans="1:7" s="19" customFormat="1">
      <c r="B71" s="45">
        <v>44</v>
      </c>
      <c r="C71" s="24" t="s">
        <v>78</v>
      </c>
      <c r="D71" s="24">
        <v>13899.5</v>
      </c>
      <c r="E71" s="24">
        <v>19131.900000000001</v>
      </c>
      <c r="F71" s="24">
        <v>19972</v>
      </c>
      <c r="G71" s="24">
        <v>14738</v>
      </c>
    </row>
    <row r="72" spans="1:7" s="19" customFormat="1">
      <c r="B72" s="45">
        <v>45</v>
      </c>
      <c r="C72" s="24" t="s">
        <v>79</v>
      </c>
      <c r="D72" s="24">
        <v>131877.1</v>
      </c>
      <c r="E72" s="24">
        <v>135945.4</v>
      </c>
      <c r="F72" s="24">
        <v>135338.12126516853</v>
      </c>
      <c r="G72" s="24">
        <v>129157</v>
      </c>
    </row>
    <row r="73" spans="1:7" s="19" customFormat="1">
      <c r="B73" s="41" t="s">
        <v>80</v>
      </c>
      <c r="C73" s="21"/>
      <c r="D73" s="21"/>
      <c r="E73" s="21"/>
      <c r="F73" s="21"/>
      <c r="G73" s="21"/>
    </row>
    <row r="74" spans="1:7" s="19" customFormat="1">
      <c r="B74" s="42">
        <v>46</v>
      </c>
      <c r="C74" s="21" t="s">
        <v>5</v>
      </c>
      <c r="D74" s="21">
        <v>17853.2</v>
      </c>
      <c r="E74" s="21">
        <v>25018.799999999999</v>
      </c>
      <c r="F74" s="21">
        <v>24814</v>
      </c>
      <c r="G74" s="21">
        <v>24851</v>
      </c>
    </row>
    <row r="75" spans="1:7" s="19" customFormat="1" ht="25.5">
      <c r="B75" s="42">
        <v>47</v>
      </c>
      <c r="C75" s="22" t="s">
        <v>81</v>
      </c>
      <c r="D75" s="21"/>
      <c r="E75" s="21"/>
      <c r="F75" s="21"/>
      <c r="G75" s="21"/>
    </row>
    <row r="76" spans="1:7" s="19" customFormat="1">
      <c r="B76" s="42"/>
      <c r="C76" s="22" t="s">
        <v>82</v>
      </c>
      <c r="D76" s="21"/>
      <c r="E76" s="21"/>
      <c r="F76" s="21"/>
      <c r="G76" s="21"/>
    </row>
    <row r="77" spans="1:7" s="19" customFormat="1" ht="25.5">
      <c r="B77" s="42">
        <v>48</v>
      </c>
      <c r="C77" s="22" t="s">
        <v>83</v>
      </c>
      <c r="D77" s="21"/>
      <c r="E77" s="21"/>
      <c r="F77" s="21"/>
      <c r="G77" s="21"/>
    </row>
    <row r="78" spans="1:7" s="19" customFormat="1">
      <c r="B78" s="42">
        <v>49</v>
      </c>
      <c r="C78" s="21" t="s">
        <v>84</v>
      </c>
      <c r="D78" s="21"/>
      <c r="E78" s="21"/>
      <c r="F78" s="21"/>
      <c r="G78" s="21"/>
    </row>
    <row r="79" spans="1:7" s="19" customFormat="1">
      <c r="B79" s="46">
        <v>50</v>
      </c>
      <c r="C79" s="25" t="s">
        <v>85</v>
      </c>
      <c r="D79" s="25">
        <v>115.1</v>
      </c>
      <c r="E79" s="25">
        <v>106.1</v>
      </c>
      <c r="F79" s="25">
        <v>153</v>
      </c>
      <c r="G79" s="25">
        <v>58</v>
      </c>
    </row>
    <row r="80" spans="1:7" s="19" customFormat="1">
      <c r="B80" s="45">
        <v>51</v>
      </c>
      <c r="C80" s="24" t="s">
        <v>86</v>
      </c>
      <c r="D80" s="24">
        <v>17968.3</v>
      </c>
      <c r="E80" s="24">
        <v>25124.9</v>
      </c>
      <c r="F80" s="24">
        <v>24967</v>
      </c>
      <c r="G80" s="24">
        <v>24909</v>
      </c>
    </row>
    <row r="81" spans="1:7" s="19" customFormat="1">
      <c r="B81" s="41" t="s">
        <v>87</v>
      </c>
      <c r="C81" s="21"/>
      <c r="D81" s="21"/>
      <c r="E81" s="21"/>
      <c r="F81" s="21"/>
      <c r="G81" s="21"/>
    </row>
    <row r="82" spans="1:7" s="19" customFormat="1">
      <c r="B82" s="42">
        <v>52</v>
      </c>
      <c r="C82" s="22" t="s">
        <v>88</v>
      </c>
      <c r="D82" s="21"/>
      <c r="E82" s="21"/>
      <c r="F82" s="21"/>
      <c r="G82" s="21"/>
    </row>
    <row r="83" spans="1:7" s="19" customFormat="1" ht="38.25">
      <c r="B83" s="42">
        <v>53</v>
      </c>
      <c r="C83" s="22" t="s">
        <v>89</v>
      </c>
      <c r="D83" s="21"/>
      <c r="E83" s="21"/>
      <c r="F83" s="21"/>
      <c r="G83" s="21"/>
    </row>
    <row r="84" spans="1:7" ht="38.25">
      <c r="A84" s="19"/>
      <c r="B84" s="42">
        <v>54</v>
      </c>
      <c r="C84" s="22" t="s">
        <v>90</v>
      </c>
      <c r="D84" s="21"/>
      <c r="E84" s="21"/>
      <c r="F84" s="21"/>
      <c r="G84" s="21"/>
    </row>
    <row r="85" spans="1:7">
      <c r="A85" s="19"/>
      <c r="B85" s="42" t="s">
        <v>91</v>
      </c>
      <c r="C85" s="22" t="s">
        <v>92</v>
      </c>
      <c r="D85" s="21"/>
      <c r="E85" s="21"/>
      <c r="F85" s="21"/>
      <c r="G85" s="21"/>
    </row>
    <row r="86" spans="1:7">
      <c r="A86" s="19"/>
      <c r="B86" s="42" t="s">
        <v>93</v>
      </c>
      <c r="C86" s="22" t="s">
        <v>94</v>
      </c>
      <c r="D86" s="21"/>
      <c r="E86" s="21"/>
      <c r="F86" s="21"/>
      <c r="G86" s="21"/>
    </row>
    <row r="87" spans="1:7" ht="38.25">
      <c r="A87" s="19"/>
      <c r="B87" s="42">
        <v>55</v>
      </c>
      <c r="C87" s="22" t="s">
        <v>95</v>
      </c>
      <c r="D87" s="21">
        <v>-2575</v>
      </c>
      <c r="E87" s="21">
        <v>-2575</v>
      </c>
      <c r="F87" s="21">
        <v>-2575</v>
      </c>
      <c r="G87" s="21">
        <v>-2575</v>
      </c>
    </row>
    <row r="88" spans="1:7" ht="25.5">
      <c r="A88" s="19"/>
      <c r="B88" s="42">
        <v>56</v>
      </c>
      <c r="C88" s="22" t="s">
        <v>96</v>
      </c>
      <c r="D88" s="21"/>
      <c r="E88" s="21"/>
      <c r="F88" s="21"/>
      <c r="G88" s="21"/>
    </row>
    <row r="89" spans="1:7" ht="25.5">
      <c r="A89" s="19"/>
      <c r="B89" s="42" t="s">
        <v>97</v>
      </c>
      <c r="C89" s="22" t="s">
        <v>98</v>
      </c>
      <c r="D89" s="21"/>
      <c r="E89" s="21"/>
      <c r="F89" s="21"/>
      <c r="G89" s="21"/>
    </row>
    <row r="90" spans="1:7" s="19" customFormat="1" ht="25.5">
      <c r="B90" s="42" t="s">
        <v>99</v>
      </c>
      <c r="C90" s="22" t="s">
        <v>100</v>
      </c>
      <c r="D90" s="21"/>
      <c r="E90" s="21"/>
      <c r="F90" s="21"/>
      <c r="G90" s="21"/>
    </row>
    <row r="91" spans="1:7" s="19" customFormat="1" ht="25.5">
      <c r="B91" s="42" t="s">
        <v>101</v>
      </c>
      <c r="C91" s="22" t="s">
        <v>102</v>
      </c>
      <c r="D91" s="25"/>
      <c r="E91" s="25"/>
      <c r="F91" s="25"/>
      <c r="G91" s="25"/>
    </row>
    <row r="92" spans="1:7" s="20" customFormat="1">
      <c r="B92" s="44">
        <v>57</v>
      </c>
      <c r="C92" s="26" t="s">
        <v>103</v>
      </c>
      <c r="D92" s="26">
        <v>-2575</v>
      </c>
      <c r="E92" s="26">
        <v>-2575</v>
      </c>
      <c r="F92" s="26">
        <v>-2575</v>
      </c>
      <c r="G92" s="26">
        <v>-2575</v>
      </c>
    </row>
    <row r="93" spans="1:7" s="19" customFormat="1">
      <c r="B93" s="47">
        <v>58</v>
      </c>
      <c r="C93" s="28" t="s">
        <v>104</v>
      </c>
      <c r="D93" s="28">
        <v>15393.3</v>
      </c>
      <c r="E93" s="28">
        <v>22549.9</v>
      </c>
      <c r="F93" s="28">
        <v>22392</v>
      </c>
      <c r="G93" s="28">
        <v>22334</v>
      </c>
    </row>
    <row r="94" spans="1:7" s="19" customFormat="1">
      <c r="B94" s="45">
        <v>59</v>
      </c>
      <c r="C94" s="22" t="s">
        <v>105</v>
      </c>
      <c r="D94" s="24">
        <v>147270.29999999999</v>
      </c>
      <c r="E94" s="24">
        <v>158495.29999999999</v>
      </c>
      <c r="F94" s="24">
        <v>157730.12126516853</v>
      </c>
      <c r="G94" s="24">
        <v>151491</v>
      </c>
    </row>
    <row r="95" spans="1:7" ht="25.5">
      <c r="A95" s="19"/>
      <c r="B95" s="42" t="s">
        <v>106</v>
      </c>
      <c r="C95" s="22" t="s">
        <v>107</v>
      </c>
      <c r="D95" s="21"/>
      <c r="E95" s="21"/>
      <c r="F95" s="21"/>
      <c r="G95" s="21"/>
    </row>
    <row r="96" spans="1:7" ht="38.25">
      <c r="A96" s="19"/>
      <c r="B96" s="42"/>
      <c r="C96" s="22" t="s">
        <v>108</v>
      </c>
      <c r="D96" s="21"/>
      <c r="E96" s="21"/>
      <c r="F96" s="21"/>
      <c r="G96" s="21"/>
    </row>
    <row r="97" spans="1:7" ht="38.25">
      <c r="A97" s="19"/>
      <c r="B97" s="42"/>
      <c r="C97" s="22" t="s">
        <v>109</v>
      </c>
      <c r="D97" s="21"/>
      <c r="E97" s="21"/>
      <c r="F97" s="21"/>
      <c r="G97" s="21"/>
    </row>
    <row r="98" spans="1:7" ht="51">
      <c r="A98" s="19"/>
      <c r="B98" s="42"/>
      <c r="C98" s="22" t="s">
        <v>110</v>
      </c>
      <c r="D98" s="21"/>
      <c r="E98" s="21"/>
      <c r="F98" s="21"/>
      <c r="G98" s="21"/>
    </row>
    <row r="99" spans="1:7">
      <c r="A99" s="19"/>
      <c r="B99" s="45">
        <v>60</v>
      </c>
      <c r="C99" s="24" t="s">
        <v>111</v>
      </c>
      <c r="D99" s="24">
        <v>614618.6</v>
      </c>
      <c r="E99" s="24">
        <v>616522.9</v>
      </c>
      <c r="F99" s="24">
        <v>610046</v>
      </c>
      <c r="G99" s="24">
        <v>609959</v>
      </c>
    </row>
    <row r="100" spans="1:7">
      <c r="A100" s="19"/>
      <c r="B100" s="41" t="s">
        <v>112</v>
      </c>
      <c r="C100" s="21"/>
      <c r="D100" s="21"/>
      <c r="E100" s="21"/>
      <c r="F100" s="21"/>
      <c r="G100" s="21"/>
    </row>
    <row r="101" spans="1:7">
      <c r="A101" s="19"/>
      <c r="B101" s="42">
        <v>61</v>
      </c>
      <c r="C101" s="22" t="s">
        <v>113</v>
      </c>
      <c r="D101" s="29">
        <v>0.19195239969452896</v>
      </c>
      <c r="E101" s="29">
        <v>0.18947136365318037</v>
      </c>
      <c r="F101" s="29">
        <v>0.18910715127211253</v>
      </c>
      <c r="G101" s="29">
        <v>0.188</v>
      </c>
    </row>
    <row r="102" spans="1:7">
      <c r="A102" s="19"/>
      <c r="B102" s="42">
        <v>62</v>
      </c>
      <c r="C102" s="21" t="s">
        <v>114</v>
      </c>
      <c r="D102" s="29">
        <v>0.21456730254629694</v>
      </c>
      <c r="E102" s="29">
        <v>0.22050336761539699</v>
      </c>
      <c r="F102" s="29">
        <v>0.22184518549966165</v>
      </c>
      <c r="G102" s="29">
        <v>0.21199999999999999</v>
      </c>
    </row>
    <row r="103" spans="1:7">
      <c r="A103" s="19"/>
      <c r="B103" s="42">
        <v>63</v>
      </c>
      <c r="C103" s="21" t="s">
        <v>115</v>
      </c>
      <c r="D103" s="29">
        <v>0.23961253472614827</v>
      </c>
      <c r="E103" s="29">
        <v>0.25707937145241583</v>
      </c>
      <c r="F103" s="29">
        <v>0.25855136489736735</v>
      </c>
      <c r="G103" s="29">
        <v>0.248</v>
      </c>
    </row>
    <row r="104" spans="1:7" ht="38.25">
      <c r="A104" s="19"/>
      <c r="B104" s="42">
        <v>64</v>
      </c>
      <c r="C104" s="22" t="s">
        <v>116</v>
      </c>
      <c r="D104" s="29">
        <v>0.1091</v>
      </c>
      <c r="E104" s="29">
        <v>0.10890000000000001</v>
      </c>
      <c r="F104" s="29">
        <v>0.109</v>
      </c>
      <c r="G104" s="29">
        <v>0.1069</v>
      </c>
    </row>
    <row r="105" spans="1:7">
      <c r="A105" s="19"/>
      <c r="B105" s="42">
        <v>65</v>
      </c>
      <c r="C105" s="21" t="s">
        <v>117</v>
      </c>
      <c r="D105" s="29">
        <v>2.5000000000000001E-2</v>
      </c>
      <c r="E105" s="29">
        <v>2.5000000000000001E-2</v>
      </c>
      <c r="F105" s="29">
        <v>2.5000000000000001E-2</v>
      </c>
      <c r="G105" s="29">
        <v>2.5000000000000001E-2</v>
      </c>
    </row>
    <row r="106" spans="1:7">
      <c r="A106" s="19"/>
      <c r="B106" s="42">
        <v>66</v>
      </c>
      <c r="C106" s="21" t="s">
        <v>118</v>
      </c>
      <c r="D106" s="29">
        <v>9.1000000000000004E-3</v>
      </c>
      <c r="E106" s="29">
        <v>8.8999999999999999E-3</v>
      </c>
      <c r="F106" s="29">
        <v>8.9999999999999993E-3</v>
      </c>
      <c r="G106" s="29">
        <v>6.8999999999999999E-3</v>
      </c>
    </row>
    <row r="107" spans="1:7">
      <c r="A107" s="19"/>
      <c r="B107" s="42">
        <v>67</v>
      </c>
      <c r="C107" s="21" t="s">
        <v>119</v>
      </c>
      <c r="D107" s="29">
        <v>0.03</v>
      </c>
      <c r="E107" s="29">
        <v>0.03</v>
      </c>
      <c r="F107" s="29">
        <v>0.03</v>
      </c>
      <c r="G107" s="29">
        <v>0.03</v>
      </c>
    </row>
    <row r="108" spans="1:7" ht="25.5">
      <c r="A108" s="19"/>
      <c r="B108" s="42" t="s">
        <v>120</v>
      </c>
      <c r="C108" s="22" t="s">
        <v>121</v>
      </c>
      <c r="D108" s="30"/>
      <c r="E108" s="30"/>
      <c r="F108" s="30"/>
      <c r="G108" s="30"/>
    </row>
    <row r="109" spans="1:7">
      <c r="A109" s="19"/>
      <c r="B109" s="42">
        <v>68</v>
      </c>
      <c r="C109" s="21" t="s">
        <v>122</v>
      </c>
      <c r="D109" s="29">
        <v>0.14695239969452895</v>
      </c>
      <c r="E109" s="29">
        <v>0.14447136365318036</v>
      </c>
      <c r="F109" s="29">
        <v>0.14410715127211254</v>
      </c>
      <c r="G109" s="29">
        <v>0.14299999999999999</v>
      </c>
    </row>
    <row r="110" spans="1:7">
      <c r="A110" s="19"/>
      <c r="B110" s="42">
        <v>69</v>
      </c>
      <c r="C110" s="21" t="s">
        <v>123</v>
      </c>
      <c r="D110" s="21"/>
      <c r="E110" s="21"/>
      <c r="F110" s="21"/>
      <c r="G110" s="21"/>
    </row>
    <row r="111" spans="1:7">
      <c r="A111" s="19"/>
      <c r="B111" s="42">
        <v>70</v>
      </c>
      <c r="C111" s="21" t="s">
        <v>123</v>
      </c>
      <c r="D111" s="21"/>
      <c r="E111" s="21"/>
      <c r="F111" s="21"/>
      <c r="G111" s="21"/>
    </row>
    <row r="112" spans="1:7">
      <c r="A112" s="19"/>
      <c r="B112" s="42">
        <v>71</v>
      </c>
      <c r="C112" s="21" t="s">
        <v>123</v>
      </c>
      <c r="D112" s="21"/>
      <c r="E112" s="21"/>
      <c r="F112" s="21"/>
      <c r="G112" s="21"/>
    </row>
    <row r="113" spans="1:7">
      <c r="A113" s="19"/>
      <c r="B113" s="41" t="s">
        <v>124</v>
      </c>
      <c r="C113" s="21"/>
      <c r="D113" s="21"/>
      <c r="E113" s="21"/>
      <c r="F113" s="21"/>
      <c r="G113" s="21"/>
    </row>
    <row r="114" spans="1:7" ht="25.5">
      <c r="A114" s="19"/>
      <c r="B114" s="42">
        <v>72</v>
      </c>
      <c r="C114" s="22" t="s">
        <v>125</v>
      </c>
      <c r="D114" s="21"/>
      <c r="E114" s="21"/>
      <c r="F114" s="21"/>
      <c r="G114" s="21"/>
    </row>
    <row r="115" spans="1:7" ht="38.25">
      <c r="A115" s="19"/>
      <c r="B115" s="42">
        <v>73</v>
      </c>
      <c r="C115" s="22" t="s">
        <v>126</v>
      </c>
      <c r="D115" s="21">
        <v>6653</v>
      </c>
      <c r="E115" s="21">
        <v>6653</v>
      </c>
      <c r="F115" s="21">
        <v>6653.0209999999997</v>
      </c>
      <c r="G115" s="21">
        <v>6653</v>
      </c>
    </row>
    <row r="116" spans="1:7">
      <c r="A116" s="19"/>
      <c r="B116" s="42">
        <v>74</v>
      </c>
      <c r="C116" s="21" t="s">
        <v>19</v>
      </c>
      <c r="D116" s="21"/>
      <c r="E116" s="21"/>
      <c r="F116" s="21"/>
      <c r="G116" s="21"/>
    </row>
    <row r="117" spans="1:7" ht="25.5">
      <c r="A117" s="19"/>
      <c r="B117" s="42">
        <v>75</v>
      </c>
      <c r="C117" s="22" t="s">
        <v>127</v>
      </c>
      <c r="D117" s="21"/>
      <c r="E117" s="21">
        <v>166.8</v>
      </c>
      <c r="F117" s="21">
        <v>185</v>
      </c>
      <c r="G117" s="21">
        <v>208</v>
      </c>
    </row>
    <row r="118" spans="1:7">
      <c r="A118" s="19"/>
      <c r="B118" s="41" t="s">
        <v>128</v>
      </c>
      <c r="C118" s="21"/>
      <c r="D118" s="21"/>
      <c r="E118" s="21"/>
      <c r="F118" s="21"/>
      <c r="G118" s="21"/>
    </row>
    <row r="119" spans="1:7" ht="25.5">
      <c r="A119" s="19"/>
      <c r="B119" s="42">
        <v>76</v>
      </c>
      <c r="C119" s="22" t="s">
        <v>129</v>
      </c>
      <c r="D119" s="21"/>
      <c r="E119" s="21"/>
      <c r="F119" s="21"/>
      <c r="G119" s="21"/>
    </row>
    <row r="120" spans="1:7">
      <c r="A120" s="19"/>
      <c r="B120" s="42">
        <v>77</v>
      </c>
      <c r="C120" s="21" t="s">
        <v>130</v>
      </c>
      <c r="D120" s="21"/>
      <c r="E120" s="21"/>
      <c r="F120" s="21"/>
      <c r="G120" s="21"/>
    </row>
    <row r="121" spans="1:7" ht="25.5">
      <c r="A121" s="19"/>
      <c r="B121" s="42">
        <v>78</v>
      </c>
      <c r="C121" s="22" t="s">
        <v>131</v>
      </c>
      <c r="D121" s="21"/>
      <c r="E121" s="21"/>
      <c r="F121" s="21"/>
      <c r="G121" s="21"/>
    </row>
    <row r="122" spans="1:7">
      <c r="A122" s="19"/>
      <c r="B122" s="42">
        <v>79</v>
      </c>
      <c r="C122" s="22" t="s">
        <v>132</v>
      </c>
      <c r="D122" s="21">
        <v>2570.5</v>
      </c>
      <c r="E122" s="21">
        <v>2580.5</v>
      </c>
      <c r="F122" s="21">
        <v>2537.7822419689915</v>
      </c>
      <c r="G122" s="21">
        <v>2522</v>
      </c>
    </row>
    <row r="123" spans="1:7">
      <c r="A123" s="19"/>
      <c r="B123" s="41" t="s">
        <v>133</v>
      </c>
      <c r="C123" s="21"/>
      <c r="D123" s="21"/>
      <c r="E123" s="21"/>
      <c r="F123" s="21"/>
      <c r="G123" s="21"/>
    </row>
    <row r="124" spans="1:7">
      <c r="A124" s="19"/>
      <c r="B124" s="41" t="s">
        <v>134</v>
      </c>
      <c r="C124" s="21"/>
      <c r="D124" s="21"/>
      <c r="E124" s="21"/>
      <c r="F124" s="21"/>
      <c r="G124" s="21"/>
    </row>
    <row r="125" spans="1:7">
      <c r="A125" s="19"/>
      <c r="B125" s="42">
        <v>80</v>
      </c>
      <c r="C125" s="21" t="s">
        <v>135</v>
      </c>
      <c r="D125" s="21"/>
      <c r="E125" s="21"/>
      <c r="F125" s="21"/>
      <c r="G125" s="21"/>
    </row>
    <row r="126" spans="1:7">
      <c r="A126" s="19"/>
      <c r="B126" s="42">
        <v>81</v>
      </c>
      <c r="C126" s="22" t="s">
        <v>136</v>
      </c>
      <c r="D126" s="21"/>
      <c r="E126" s="21"/>
      <c r="F126" s="21"/>
      <c r="G126" s="21"/>
    </row>
    <row r="127" spans="1:7">
      <c r="A127" s="19"/>
      <c r="B127" s="42">
        <v>82</v>
      </c>
      <c r="C127" s="21" t="s">
        <v>137</v>
      </c>
      <c r="D127" s="21"/>
      <c r="E127" s="21">
        <v>7001.9</v>
      </c>
      <c r="F127" s="21">
        <v>7001.8950000000004</v>
      </c>
      <c r="G127" s="21">
        <v>8402</v>
      </c>
    </row>
    <row r="128" spans="1:7">
      <c r="A128" s="19"/>
      <c r="B128" s="42">
        <v>83</v>
      </c>
      <c r="C128" s="22" t="s">
        <v>138</v>
      </c>
      <c r="D128" s="21"/>
      <c r="E128" s="21"/>
      <c r="F128" s="21"/>
      <c r="G128" s="21"/>
    </row>
    <row r="129" spans="1:7">
      <c r="A129" s="19"/>
      <c r="B129" s="42">
        <v>84</v>
      </c>
      <c r="C129" s="21" t="s">
        <v>139</v>
      </c>
      <c r="D129" s="21"/>
      <c r="E129" s="21"/>
      <c r="F129" s="21"/>
      <c r="G129" s="21"/>
    </row>
    <row r="130" spans="1:7">
      <c r="A130" s="19"/>
      <c r="B130" s="42">
        <v>85</v>
      </c>
      <c r="C130" s="22" t="s">
        <v>140</v>
      </c>
      <c r="D130" s="21"/>
      <c r="E130" s="21"/>
      <c r="F130" s="21"/>
      <c r="G130" s="21"/>
    </row>
    <row r="131" spans="1:7">
      <c r="A131" s="19"/>
      <c r="B131" s="38"/>
      <c r="C131" s="19"/>
      <c r="D131" s="34"/>
      <c r="E131" s="34"/>
      <c r="F131" s="34"/>
      <c r="G131" s="34"/>
    </row>
    <row r="132" spans="1:7" ht="15" customHeight="1">
      <c r="A132" s="19"/>
      <c r="B132" s="31"/>
      <c r="C132" s="31"/>
      <c r="D132" s="31"/>
      <c r="E132" s="31"/>
      <c r="F132" s="31"/>
      <c r="G132" s="31"/>
    </row>
    <row r="133" spans="1:7" s="32" customFormat="1">
      <c r="B133" s="31"/>
      <c r="C133" s="31"/>
      <c r="D133" s="31"/>
      <c r="E133" s="31"/>
      <c r="F133" s="31"/>
      <c r="G133" s="31"/>
    </row>
    <row r="134" spans="1:7" ht="15" customHeight="1">
      <c r="B134" s="31"/>
      <c r="C134" s="31"/>
      <c r="D134" s="31"/>
      <c r="E134" s="31"/>
      <c r="F134" s="31"/>
      <c r="G134" s="31"/>
    </row>
    <row r="135" spans="1:7" ht="15" customHeight="1">
      <c r="B135" s="31"/>
      <c r="C135" s="31"/>
      <c r="D135" s="31"/>
      <c r="E135" s="31"/>
      <c r="F135" s="31"/>
      <c r="G135" s="31"/>
    </row>
    <row r="136" spans="1:7">
      <c r="D136" s="34"/>
      <c r="E136" s="34"/>
      <c r="F136" s="34"/>
      <c r="G136" s="34"/>
    </row>
    <row r="137" spans="1:7">
      <c r="D137" s="34"/>
      <c r="E137" s="34"/>
      <c r="F137" s="34"/>
      <c r="G137" s="34"/>
    </row>
    <row r="138" spans="1:7">
      <c r="D138" s="34"/>
      <c r="E138" s="34"/>
      <c r="F138" s="34"/>
      <c r="G138" s="34"/>
    </row>
    <row r="139" spans="1:7">
      <c r="D139" s="34"/>
      <c r="E139" s="34"/>
      <c r="F139" s="34"/>
      <c r="G139" s="34"/>
    </row>
    <row r="140" spans="1:7">
      <c r="D140" s="34"/>
      <c r="E140" s="34"/>
      <c r="F140" s="34"/>
      <c r="G140" s="34"/>
    </row>
    <row r="141" spans="1:7">
      <c r="D141" s="34"/>
      <c r="E141" s="34"/>
      <c r="F141" s="34"/>
      <c r="G141" s="34"/>
    </row>
    <row r="142" spans="1:7">
      <c r="D142" s="34"/>
      <c r="E142" s="34"/>
      <c r="F142" s="34"/>
      <c r="G142" s="34"/>
    </row>
    <row r="143" spans="1:7">
      <c r="D143" s="34"/>
      <c r="E143" s="34"/>
      <c r="F143" s="34"/>
      <c r="G143" s="34"/>
    </row>
  </sheetData>
  <mergeCells count="1">
    <mergeCell ref="B6:C6"/>
  </mergeCells>
  <pageMargins left="0.23622047244094491" right="0.23622047244094491" top="0.74803149606299213" bottom="0.74803149606299213" header="0.31496062992125984" footer="0.31496062992125984"/>
  <pageSetup paperSize="9" scale="55" fitToHeight="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FD31"/>
  <sheetViews>
    <sheetView zoomScaleNormal="100" workbookViewId="0"/>
  </sheetViews>
  <sheetFormatPr defaultColWidth="9.140625" defaultRowHeight="12.75"/>
  <cols>
    <col min="1" max="1" width="7.7109375" style="2" customWidth="1"/>
    <col min="2" max="2" width="68.85546875" style="2" customWidth="1"/>
    <col min="3" max="6" width="14.5703125" style="2" customWidth="1"/>
    <col min="7" max="7" width="15.42578125" style="2" customWidth="1"/>
    <col min="8" max="9" width="9.140625" style="2"/>
    <col min="10" max="10" width="9.140625" style="16"/>
    <col min="11" max="16384" width="9.140625" style="2"/>
  </cols>
  <sheetData>
    <row r="1" spans="1:10">
      <c r="A1" s="1"/>
      <c r="B1" s="1" t="s">
        <v>164</v>
      </c>
    </row>
    <row r="3" spans="1:10">
      <c r="A3" s="3"/>
      <c r="B3" s="4" t="s">
        <v>161</v>
      </c>
      <c r="C3" s="5"/>
      <c r="D3" s="5"/>
      <c r="E3" s="5"/>
      <c r="F3" s="5"/>
      <c r="G3" s="5"/>
    </row>
    <row r="4" spans="1:10">
      <c r="B4" s="6"/>
      <c r="C4" s="6"/>
      <c r="D4" s="6"/>
      <c r="E4" s="7"/>
      <c r="F4" s="7"/>
      <c r="G4" s="7"/>
    </row>
    <row r="5" spans="1:10" ht="45.6" customHeight="1">
      <c r="B5" s="8" t="s">
        <v>141</v>
      </c>
      <c r="C5" s="67" t="s">
        <v>2</v>
      </c>
      <c r="D5" s="67"/>
      <c r="E5" s="67"/>
      <c r="F5" s="67"/>
      <c r="G5" s="8" t="s">
        <v>142</v>
      </c>
    </row>
    <row r="6" spans="1:10">
      <c r="B6" s="9" t="s">
        <v>1</v>
      </c>
      <c r="C6" s="10" t="s">
        <v>162</v>
      </c>
      <c r="D6" s="10" t="s">
        <v>163</v>
      </c>
      <c r="E6" s="10" t="s">
        <v>159</v>
      </c>
      <c r="F6" s="10" t="s">
        <v>0</v>
      </c>
      <c r="G6" s="10" t="s">
        <v>162</v>
      </c>
    </row>
    <row r="7" spans="1:10">
      <c r="B7" s="56" t="s">
        <v>143</v>
      </c>
      <c r="C7" s="61">
        <v>454133.5</v>
      </c>
      <c r="D7" s="61">
        <v>454526</v>
      </c>
      <c r="E7" s="61">
        <v>447662</v>
      </c>
      <c r="F7" s="61">
        <v>443741</v>
      </c>
      <c r="G7" s="61">
        <v>36330.699999999997</v>
      </c>
    </row>
    <row r="8" spans="1:10" s="49" customFormat="1">
      <c r="B8" s="59" t="s">
        <v>144</v>
      </c>
      <c r="C8" s="53">
        <v>49214</v>
      </c>
      <c r="D8" s="53">
        <v>49158</v>
      </c>
      <c r="E8" s="53">
        <v>50172</v>
      </c>
      <c r="F8" s="53">
        <v>51678</v>
      </c>
      <c r="G8" s="54">
        <v>3937.1</v>
      </c>
      <c r="H8" s="2"/>
      <c r="J8" s="50"/>
    </row>
    <row r="9" spans="1:10" s="49" customFormat="1">
      <c r="B9" s="52" t="s">
        <v>145</v>
      </c>
      <c r="C9" s="53">
        <v>129930</v>
      </c>
      <c r="D9" s="54">
        <v>128200</v>
      </c>
      <c r="E9" s="54">
        <v>118483</v>
      </c>
      <c r="F9" s="54">
        <v>119588</v>
      </c>
      <c r="G9" s="54">
        <v>10394.4</v>
      </c>
      <c r="H9" s="2"/>
      <c r="J9" s="50"/>
    </row>
    <row r="10" spans="1:10" s="49" customFormat="1">
      <c r="B10" s="52" t="s">
        <v>146</v>
      </c>
      <c r="C10" s="53">
        <v>274989.5</v>
      </c>
      <c r="D10" s="53">
        <v>277168</v>
      </c>
      <c r="E10" s="53">
        <v>279007</v>
      </c>
      <c r="F10" s="53">
        <v>272475</v>
      </c>
      <c r="G10" s="54">
        <v>21999.200000000001</v>
      </c>
      <c r="H10" s="2"/>
      <c r="J10" s="50"/>
    </row>
    <row r="11" spans="1:10">
      <c r="B11" s="57" t="s">
        <v>147</v>
      </c>
      <c r="C11" s="61">
        <v>30210.300000000003</v>
      </c>
      <c r="D11" s="61">
        <v>30450</v>
      </c>
      <c r="E11" s="61">
        <v>30428</v>
      </c>
      <c r="F11" s="61">
        <v>33895</v>
      </c>
      <c r="G11" s="62">
        <v>2416.8000000000002</v>
      </c>
    </row>
    <row r="12" spans="1:10" s="51" customFormat="1">
      <c r="B12" s="59" t="s">
        <v>148</v>
      </c>
      <c r="C12" s="53">
        <v>8847.5</v>
      </c>
      <c r="D12" s="53">
        <v>8165</v>
      </c>
      <c r="E12" s="53">
        <v>8987</v>
      </c>
      <c r="F12" s="53">
        <v>9288</v>
      </c>
      <c r="G12" s="54">
        <v>707.80000000000007</v>
      </c>
      <c r="J12" s="55"/>
    </row>
    <row r="13" spans="1:10" s="51" customFormat="1">
      <c r="B13" s="59" t="s">
        <v>149</v>
      </c>
      <c r="C13" s="53">
        <v>14291.9</v>
      </c>
      <c r="D13" s="53">
        <v>15666</v>
      </c>
      <c r="E13" s="53">
        <v>15083</v>
      </c>
      <c r="F13" s="53">
        <v>16720</v>
      </c>
      <c r="G13" s="54">
        <v>1143.4000000000001</v>
      </c>
      <c r="J13" s="55"/>
    </row>
    <row r="14" spans="1:10" s="51" customFormat="1">
      <c r="B14" s="52" t="s">
        <v>150</v>
      </c>
      <c r="C14" s="53">
        <v>216.4</v>
      </c>
      <c r="D14" s="53">
        <v>109</v>
      </c>
      <c r="E14" s="53">
        <v>57</v>
      </c>
      <c r="F14" s="53">
        <v>69</v>
      </c>
      <c r="G14" s="54">
        <v>17.3</v>
      </c>
      <c r="J14" s="55"/>
    </row>
    <row r="15" spans="1:10" s="51" customFormat="1">
      <c r="B15" s="52" t="s">
        <v>151</v>
      </c>
      <c r="C15" s="53">
        <v>6854.5</v>
      </c>
      <c r="D15" s="53">
        <v>6510</v>
      </c>
      <c r="E15" s="53">
        <v>6301</v>
      </c>
      <c r="F15" s="53">
        <v>7818</v>
      </c>
      <c r="G15" s="54">
        <v>548.4</v>
      </c>
      <c r="J15" s="55"/>
    </row>
    <row r="16" spans="1:10">
      <c r="B16" s="56" t="s">
        <v>152</v>
      </c>
      <c r="C16" s="61">
        <v>0.1</v>
      </c>
      <c r="D16" s="61">
        <v>1</v>
      </c>
      <c r="E16" s="61">
        <v>3</v>
      </c>
      <c r="F16" s="61">
        <v>0</v>
      </c>
      <c r="G16" s="61">
        <v>8.0000000000000002E-3</v>
      </c>
    </row>
    <row r="17" spans="1:16384">
      <c r="B17" s="56" t="s">
        <v>153</v>
      </c>
      <c r="C17" s="61">
        <v>1708.9</v>
      </c>
      <c r="D17" s="61">
        <v>2051</v>
      </c>
      <c r="E17" s="61">
        <v>2258</v>
      </c>
      <c r="F17" s="61">
        <v>3282</v>
      </c>
      <c r="G17" s="62">
        <v>136.69999999999999</v>
      </c>
    </row>
    <row r="18" spans="1:16384" s="51" customFormat="1">
      <c r="B18" s="59" t="s">
        <v>165</v>
      </c>
      <c r="C18" s="53">
        <v>1490.9</v>
      </c>
      <c r="D18" s="53">
        <v>1833</v>
      </c>
      <c r="E18" s="53">
        <v>2042</v>
      </c>
      <c r="F18" s="53">
        <v>3066</v>
      </c>
      <c r="G18" s="54">
        <v>119.3</v>
      </c>
      <c r="J18" s="55"/>
    </row>
    <row r="19" spans="1:16384" s="51" customFormat="1">
      <c r="B19" s="59" t="s">
        <v>166</v>
      </c>
      <c r="C19" s="53">
        <v>218</v>
      </c>
      <c r="D19" s="53">
        <v>218</v>
      </c>
      <c r="E19" s="53">
        <v>216</v>
      </c>
      <c r="F19" s="53">
        <v>216</v>
      </c>
      <c r="G19" s="54">
        <v>17.399999999999999</v>
      </c>
      <c r="J19" s="55"/>
    </row>
    <row r="20" spans="1:16384">
      <c r="B20" s="56" t="s">
        <v>154</v>
      </c>
      <c r="C20" s="61">
        <v>43247</v>
      </c>
      <c r="D20" s="61">
        <v>44558</v>
      </c>
      <c r="E20" s="61">
        <v>45128</v>
      </c>
      <c r="F20" s="61">
        <v>43213</v>
      </c>
      <c r="G20" s="62">
        <v>3459.8</v>
      </c>
    </row>
    <row r="21" spans="1:16384" s="51" customFormat="1">
      <c r="B21" s="59" t="s">
        <v>166</v>
      </c>
      <c r="C21" s="53">
        <v>17700.900000000001</v>
      </c>
      <c r="D21" s="53">
        <v>18019</v>
      </c>
      <c r="E21" s="53">
        <v>18042</v>
      </c>
      <c r="F21" s="53">
        <v>13171</v>
      </c>
      <c r="G21" s="54">
        <v>1416.1</v>
      </c>
      <c r="J21" s="55"/>
    </row>
    <row r="22" spans="1:16384" s="51" customFormat="1">
      <c r="B22" s="60" t="s">
        <v>167</v>
      </c>
      <c r="C22" s="53">
        <v>25546.1</v>
      </c>
      <c r="D22" s="53">
        <v>26539</v>
      </c>
      <c r="E22" s="53">
        <v>27086</v>
      </c>
      <c r="F22" s="53">
        <v>30042</v>
      </c>
      <c r="G22" s="54">
        <v>2043.7</v>
      </c>
      <c r="J22" s="55"/>
    </row>
    <row r="23" spans="1:16384">
      <c r="A23" s="56"/>
      <c r="B23" s="61" t="s">
        <v>155</v>
      </c>
      <c r="C23" s="61">
        <v>47078.3</v>
      </c>
      <c r="D23" s="61">
        <v>46901</v>
      </c>
      <c r="E23" s="61">
        <v>46793</v>
      </c>
      <c r="F23" s="62">
        <v>47901</v>
      </c>
      <c r="G23" s="56">
        <v>3766.3</v>
      </c>
      <c r="H23" s="61"/>
      <c r="I23" s="61"/>
      <c r="J23" s="61"/>
      <c r="K23" s="61"/>
      <c r="L23" s="62"/>
      <c r="M23" s="56"/>
      <c r="N23" s="61"/>
      <c r="O23" s="61"/>
      <c r="P23" s="61"/>
      <c r="Q23" s="61"/>
      <c r="R23" s="62"/>
      <c r="S23" s="56"/>
      <c r="T23" s="61"/>
      <c r="U23" s="61"/>
      <c r="V23" s="61"/>
      <c r="W23" s="61"/>
      <c r="X23" s="62"/>
      <c r="Y23" s="56"/>
      <c r="Z23" s="61"/>
      <c r="AA23" s="61"/>
      <c r="AB23" s="61"/>
      <c r="AC23" s="61"/>
      <c r="AD23" s="62"/>
      <c r="AE23" s="56"/>
      <c r="AF23" s="61"/>
      <c r="AG23" s="61"/>
      <c r="AH23" s="61"/>
      <c r="AI23" s="61"/>
      <c r="AJ23" s="62"/>
      <c r="AK23" s="56"/>
      <c r="AL23" s="61"/>
      <c r="AM23" s="61"/>
      <c r="AN23" s="61"/>
      <c r="AO23" s="61"/>
      <c r="AP23" s="62"/>
      <c r="AQ23" s="56"/>
      <c r="AR23" s="61"/>
      <c r="AS23" s="61"/>
      <c r="AT23" s="61"/>
      <c r="AU23" s="61"/>
      <c r="AV23" s="62"/>
      <c r="AW23" s="56"/>
      <c r="AX23" s="61"/>
      <c r="AY23" s="61"/>
      <c r="AZ23" s="61"/>
      <c r="BA23" s="61"/>
      <c r="BB23" s="62"/>
      <c r="BC23" s="56"/>
      <c r="BD23" s="61"/>
      <c r="BE23" s="61"/>
      <c r="BF23" s="61"/>
      <c r="BG23" s="61"/>
      <c r="BH23" s="62"/>
      <c r="BI23" s="56"/>
      <c r="BJ23" s="61"/>
      <c r="BK23" s="61"/>
      <c r="BL23" s="61"/>
      <c r="BM23" s="61"/>
      <c r="BN23" s="62"/>
      <c r="BO23" s="56"/>
      <c r="BP23" s="61"/>
      <c r="BQ23" s="61"/>
      <c r="BR23" s="61"/>
      <c r="BS23" s="61"/>
      <c r="BT23" s="62"/>
      <c r="BU23" s="56"/>
      <c r="BV23" s="61"/>
      <c r="BW23" s="61"/>
      <c r="BX23" s="61"/>
      <c r="BY23" s="61"/>
      <c r="BZ23" s="62"/>
      <c r="CA23" s="56"/>
      <c r="CB23" s="61"/>
      <c r="CC23" s="61"/>
      <c r="CD23" s="61"/>
      <c r="CE23" s="61"/>
      <c r="CF23" s="62"/>
      <c r="CG23" s="56"/>
      <c r="CH23" s="61"/>
      <c r="CI23" s="61"/>
      <c r="CJ23" s="61"/>
      <c r="CK23" s="61"/>
      <c r="CL23" s="62"/>
      <c r="CM23" s="56"/>
      <c r="CN23" s="61"/>
      <c r="CO23" s="61"/>
      <c r="CP23" s="61"/>
      <c r="CQ23" s="61"/>
      <c r="CR23" s="62"/>
      <c r="CS23" s="56"/>
      <c r="CT23" s="61"/>
      <c r="CU23" s="61"/>
      <c r="CV23" s="61"/>
      <c r="CW23" s="61"/>
      <c r="CX23" s="62"/>
      <c r="CY23" s="56"/>
      <c r="CZ23" s="61"/>
      <c r="DA23" s="61"/>
      <c r="DB23" s="61"/>
      <c r="DC23" s="61"/>
      <c r="DD23" s="62"/>
      <c r="DE23" s="56"/>
      <c r="DF23" s="61"/>
      <c r="DG23" s="61"/>
      <c r="DH23" s="61"/>
      <c r="DI23" s="61"/>
      <c r="DJ23" s="62"/>
      <c r="DK23" s="56"/>
      <c r="DL23" s="61"/>
      <c r="DM23" s="61"/>
      <c r="DN23" s="61"/>
      <c r="DO23" s="61"/>
      <c r="DP23" s="62"/>
      <c r="DQ23" s="56"/>
      <c r="DR23" s="61"/>
      <c r="DS23" s="61"/>
      <c r="DT23" s="61"/>
      <c r="DU23" s="61"/>
      <c r="DV23" s="62"/>
      <c r="DW23" s="56"/>
      <c r="DX23" s="61"/>
      <c r="DY23" s="61"/>
      <c r="DZ23" s="61"/>
      <c r="EA23" s="61"/>
      <c r="EB23" s="62"/>
      <c r="EC23" s="56"/>
      <c r="ED23" s="61"/>
      <c r="EE23" s="61"/>
      <c r="EF23" s="61"/>
      <c r="EG23" s="61"/>
      <c r="EH23" s="62"/>
      <c r="EI23" s="56"/>
      <c r="EJ23" s="61"/>
      <c r="EK23" s="61"/>
      <c r="EL23" s="61"/>
      <c r="EM23" s="61"/>
      <c r="EN23" s="62"/>
      <c r="EO23" s="56"/>
      <c r="EP23" s="61"/>
      <c r="EQ23" s="61"/>
      <c r="ER23" s="61"/>
      <c r="ES23" s="61"/>
      <c r="ET23" s="62"/>
      <c r="EU23" s="56"/>
      <c r="EV23" s="61"/>
      <c r="EW23" s="61"/>
      <c r="EX23" s="61"/>
      <c r="EY23" s="61"/>
      <c r="EZ23" s="62"/>
      <c r="FA23" s="56"/>
      <c r="FB23" s="61"/>
      <c r="FC23" s="61"/>
      <c r="FD23" s="61"/>
      <c r="FE23" s="61"/>
      <c r="FF23" s="62"/>
      <c r="FG23" s="56"/>
      <c r="FH23" s="61"/>
      <c r="FI23" s="61"/>
      <c r="FJ23" s="61"/>
      <c r="FK23" s="61"/>
      <c r="FL23" s="62"/>
      <c r="FM23" s="56"/>
      <c r="FN23" s="61"/>
      <c r="FO23" s="61"/>
      <c r="FP23" s="61"/>
      <c r="FQ23" s="61"/>
      <c r="FR23" s="62"/>
      <c r="FS23" s="56"/>
      <c r="FT23" s="61"/>
      <c r="FU23" s="61"/>
      <c r="FV23" s="61"/>
      <c r="FW23" s="61"/>
      <c r="FX23" s="62"/>
      <c r="FY23" s="56"/>
      <c r="FZ23" s="61"/>
      <c r="GA23" s="61"/>
      <c r="GB23" s="61"/>
      <c r="GC23" s="61"/>
      <c r="GD23" s="62"/>
      <c r="GE23" s="56"/>
      <c r="GF23" s="61"/>
      <c r="GG23" s="61"/>
      <c r="GH23" s="61"/>
      <c r="GI23" s="61"/>
      <c r="GJ23" s="62"/>
      <c r="GK23" s="56"/>
      <c r="GL23" s="61"/>
      <c r="GM23" s="61"/>
      <c r="GN23" s="61"/>
      <c r="GO23" s="61"/>
      <c r="GP23" s="62"/>
      <c r="GQ23" s="56"/>
      <c r="GR23" s="61"/>
      <c r="GS23" s="61"/>
      <c r="GT23" s="61"/>
      <c r="GU23" s="61"/>
      <c r="GV23" s="62"/>
      <c r="GW23" s="56"/>
      <c r="GX23" s="61"/>
      <c r="GY23" s="61"/>
      <c r="GZ23" s="61"/>
      <c r="HA23" s="61"/>
      <c r="HB23" s="62"/>
      <c r="HC23" s="56"/>
      <c r="HD23" s="61"/>
      <c r="HE23" s="61"/>
      <c r="HF23" s="61"/>
      <c r="HG23" s="61"/>
      <c r="HH23" s="62"/>
      <c r="HI23" s="56"/>
      <c r="HJ23" s="61"/>
      <c r="HK23" s="61"/>
      <c r="HL23" s="61"/>
      <c r="HM23" s="61"/>
      <c r="HN23" s="62"/>
      <c r="HO23" s="56"/>
      <c r="HP23" s="61"/>
      <c r="HQ23" s="61"/>
      <c r="HR23" s="61"/>
      <c r="HS23" s="61"/>
      <c r="HT23" s="62"/>
      <c r="HU23" s="56"/>
      <c r="HV23" s="61"/>
      <c r="HW23" s="61"/>
      <c r="HX23" s="61"/>
      <c r="HY23" s="61"/>
      <c r="HZ23" s="62"/>
      <c r="IA23" s="56"/>
      <c r="IB23" s="61"/>
      <c r="IC23" s="61"/>
      <c r="ID23" s="61"/>
      <c r="IE23" s="61"/>
      <c r="IF23" s="62"/>
      <c r="IG23" s="56"/>
      <c r="IH23" s="61"/>
      <c r="II23" s="61"/>
      <c r="IJ23" s="61"/>
      <c r="IK23" s="61"/>
      <c r="IL23" s="62"/>
      <c r="IM23" s="56"/>
      <c r="IN23" s="61"/>
      <c r="IO23" s="61"/>
      <c r="IP23" s="61"/>
      <c r="IQ23" s="61"/>
      <c r="IR23" s="62"/>
      <c r="IS23" s="56"/>
      <c r="IT23" s="61"/>
      <c r="IU23" s="61"/>
      <c r="IV23" s="61"/>
      <c r="IW23" s="61"/>
      <c r="IX23" s="62"/>
      <c r="IY23" s="56"/>
      <c r="IZ23" s="61"/>
      <c r="JA23" s="61"/>
      <c r="JB23" s="61"/>
      <c r="JC23" s="61"/>
      <c r="JD23" s="62"/>
      <c r="JE23" s="56"/>
      <c r="JF23" s="61"/>
      <c r="JG23" s="61"/>
      <c r="JH23" s="61"/>
      <c r="JI23" s="61"/>
      <c r="JJ23" s="62"/>
      <c r="JK23" s="56"/>
      <c r="JL23" s="61"/>
      <c r="JM23" s="61"/>
      <c r="JN23" s="61"/>
      <c r="JO23" s="61"/>
      <c r="JP23" s="62"/>
      <c r="JQ23" s="56"/>
      <c r="JR23" s="61"/>
      <c r="JS23" s="61"/>
      <c r="JT23" s="61"/>
      <c r="JU23" s="61"/>
      <c r="JV23" s="62"/>
      <c r="JW23" s="56"/>
      <c r="JX23" s="61"/>
      <c r="JY23" s="61"/>
      <c r="JZ23" s="61"/>
      <c r="KA23" s="61"/>
      <c r="KB23" s="62"/>
      <c r="KC23" s="56"/>
      <c r="KD23" s="61"/>
      <c r="KE23" s="61"/>
      <c r="KF23" s="61"/>
      <c r="KG23" s="61"/>
      <c r="KH23" s="62"/>
      <c r="KI23" s="56"/>
      <c r="KJ23" s="61"/>
      <c r="KK23" s="61"/>
      <c r="KL23" s="61"/>
      <c r="KM23" s="61"/>
      <c r="KN23" s="62"/>
      <c r="KO23" s="56"/>
      <c r="KP23" s="61"/>
      <c r="KQ23" s="61"/>
      <c r="KR23" s="61"/>
      <c r="KS23" s="61"/>
      <c r="KT23" s="62"/>
      <c r="KU23" s="56"/>
      <c r="KV23" s="61"/>
      <c r="KW23" s="61"/>
      <c r="KX23" s="61"/>
      <c r="KY23" s="61"/>
      <c r="KZ23" s="62"/>
      <c r="LA23" s="56"/>
      <c r="LB23" s="61"/>
      <c r="LC23" s="61"/>
      <c r="LD23" s="61"/>
      <c r="LE23" s="61"/>
      <c r="LF23" s="62"/>
      <c r="LG23" s="56"/>
      <c r="LH23" s="61"/>
      <c r="LI23" s="61"/>
      <c r="LJ23" s="61"/>
      <c r="LK23" s="61"/>
      <c r="LL23" s="62"/>
      <c r="LM23" s="56"/>
      <c r="LN23" s="61"/>
      <c r="LO23" s="61"/>
      <c r="LP23" s="61"/>
      <c r="LQ23" s="61"/>
      <c r="LR23" s="62"/>
      <c r="LS23" s="56"/>
      <c r="LT23" s="61"/>
      <c r="LU23" s="61"/>
      <c r="LV23" s="61"/>
      <c r="LW23" s="61"/>
      <c r="LX23" s="62"/>
      <c r="LY23" s="56"/>
      <c r="LZ23" s="61"/>
      <c r="MA23" s="61"/>
      <c r="MB23" s="61"/>
      <c r="MC23" s="61"/>
      <c r="MD23" s="62"/>
      <c r="ME23" s="56"/>
      <c r="MF23" s="61"/>
      <c r="MG23" s="61"/>
      <c r="MH23" s="61"/>
      <c r="MI23" s="61"/>
      <c r="MJ23" s="62"/>
      <c r="MK23" s="56"/>
      <c r="ML23" s="61"/>
      <c r="MM23" s="61"/>
      <c r="MN23" s="61"/>
      <c r="MO23" s="61"/>
      <c r="MP23" s="62"/>
      <c r="MQ23" s="56"/>
      <c r="MR23" s="61"/>
      <c r="MS23" s="61"/>
      <c r="MT23" s="61"/>
      <c r="MU23" s="61"/>
      <c r="MV23" s="62"/>
      <c r="MW23" s="56"/>
      <c r="MX23" s="61"/>
      <c r="MY23" s="61"/>
      <c r="MZ23" s="61"/>
      <c r="NA23" s="61"/>
      <c r="NB23" s="62"/>
      <c r="NC23" s="56"/>
      <c r="ND23" s="61"/>
      <c r="NE23" s="61"/>
      <c r="NF23" s="61"/>
      <c r="NG23" s="61"/>
      <c r="NH23" s="62"/>
      <c r="NI23" s="56"/>
      <c r="NJ23" s="61"/>
      <c r="NK23" s="61"/>
      <c r="NL23" s="61"/>
      <c r="NM23" s="61"/>
      <c r="NN23" s="62"/>
      <c r="NO23" s="56"/>
      <c r="NP23" s="61"/>
      <c r="NQ23" s="61"/>
      <c r="NR23" s="61"/>
      <c r="NS23" s="61"/>
      <c r="NT23" s="62"/>
      <c r="NU23" s="56"/>
      <c r="NV23" s="61"/>
      <c r="NW23" s="61"/>
      <c r="NX23" s="61"/>
      <c r="NY23" s="61"/>
      <c r="NZ23" s="62"/>
      <c r="OA23" s="56"/>
      <c r="OB23" s="61"/>
      <c r="OC23" s="61"/>
      <c r="OD23" s="61"/>
      <c r="OE23" s="61"/>
      <c r="OF23" s="62"/>
      <c r="OG23" s="56"/>
      <c r="OH23" s="61"/>
      <c r="OI23" s="61"/>
      <c r="OJ23" s="61"/>
      <c r="OK23" s="61"/>
      <c r="OL23" s="62"/>
      <c r="OM23" s="56"/>
      <c r="ON23" s="61"/>
      <c r="OO23" s="61"/>
      <c r="OP23" s="61"/>
      <c r="OQ23" s="61"/>
      <c r="OR23" s="62"/>
      <c r="OS23" s="56"/>
      <c r="OT23" s="61"/>
      <c r="OU23" s="61"/>
      <c r="OV23" s="61"/>
      <c r="OW23" s="61"/>
      <c r="OX23" s="62"/>
      <c r="OY23" s="56"/>
      <c r="OZ23" s="61"/>
      <c r="PA23" s="61"/>
      <c r="PB23" s="61"/>
      <c r="PC23" s="61"/>
      <c r="PD23" s="62"/>
      <c r="PE23" s="56"/>
      <c r="PF23" s="61"/>
      <c r="PG23" s="61"/>
      <c r="PH23" s="61"/>
      <c r="PI23" s="61"/>
      <c r="PJ23" s="62"/>
      <c r="PK23" s="56"/>
      <c r="PL23" s="61"/>
      <c r="PM23" s="61"/>
      <c r="PN23" s="61"/>
      <c r="PO23" s="61"/>
      <c r="PP23" s="62"/>
      <c r="PQ23" s="56"/>
      <c r="PR23" s="61"/>
      <c r="PS23" s="61"/>
      <c r="PT23" s="61"/>
      <c r="PU23" s="61"/>
      <c r="PV23" s="62"/>
      <c r="PW23" s="56"/>
      <c r="PX23" s="61"/>
      <c r="PY23" s="61"/>
      <c r="PZ23" s="61"/>
      <c r="QA23" s="61"/>
      <c r="QB23" s="62"/>
      <c r="QC23" s="56"/>
      <c r="QD23" s="61"/>
      <c r="QE23" s="61"/>
      <c r="QF23" s="61"/>
      <c r="QG23" s="61"/>
      <c r="QH23" s="62"/>
      <c r="QI23" s="56"/>
      <c r="QJ23" s="61"/>
      <c r="QK23" s="61"/>
      <c r="QL23" s="61"/>
      <c r="QM23" s="61"/>
      <c r="QN23" s="62"/>
      <c r="QO23" s="56"/>
      <c r="QP23" s="61"/>
      <c r="QQ23" s="61"/>
      <c r="QR23" s="61"/>
      <c r="QS23" s="61"/>
      <c r="QT23" s="62"/>
      <c r="QU23" s="56"/>
      <c r="QV23" s="61"/>
      <c r="QW23" s="61"/>
      <c r="QX23" s="61"/>
      <c r="QY23" s="61"/>
      <c r="QZ23" s="62"/>
      <c r="RA23" s="56"/>
      <c r="RB23" s="61"/>
      <c r="RC23" s="61"/>
      <c r="RD23" s="61"/>
      <c r="RE23" s="61"/>
      <c r="RF23" s="62"/>
      <c r="RG23" s="56"/>
      <c r="RH23" s="61"/>
      <c r="RI23" s="61"/>
      <c r="RJ23" s="61"/>
      <c r="RK23" s="61"/>
      <c r="RL23" s="62"/>
      <c r="RM23" s="56"/>
      <c r="RN23" s="61"/>
      <c r="RO23" s="61"/>
      <c r="RP23" s="61"/>
      <c r="RQ23" s="61"/>
      <c r="RR23" s="62"/>
      <c r="RS23" s="56"/>
      <c r="RT23" s="61"/>
      <c r="RU23" s="61"/>
      <c r="RV23" s="61"/>
      <c r="RW23" s="61"/>
      <c r="RX23" s="62"/>
      <c r="RY23" s="56"/>
      <c r="RZ23" s="61"/>
      <c r="SA23" s="61"/>
      <c r="SB23" s="61"/>
      <c r="SC23" s="61"/>
      <c r="SD23" s="62"/>
      <c r="SE23" s="56"/>
      <c r="SF23" s="61"/>
      <c r="SG23" s="61"/>
      <c r="SH23" s="61"/>
      <c r="SI23" s="61"/>
      <c r="SJ23" s="62"/>
      <c r="SK23" s="56"/>
      <c r="SL23" s="61"/>
      <c r="SM23" s="61"/>
      <c r="SN23" s="61"/>
      <c r="SO23" s="61"/>
      <c r="SP23" s="62"/>
      <c r="SQ23" s="56"/>
      <c r="SR23" s="61"/>
      <c r="SS23" s="61"/>
      <c r="ST23" s="61"/>
      <c r="SU23" s="61"/>
      <c r="SV23" s="62"/>
      <c r="SW23" s="56"/>
      <c r="SX23" s="61"/>
      <c r="SY23" s="61"/>
      <c r="SZ23" s="61"/>
      <c r="TA23" s="61"/>
      <c r="TB23" s="62"/>
      <c r="TC23" s="56"/>
      <c r="TD23" s="61"/>
      <c r="TE23" s="61"/>
      <c r="TF23" s="61"/>
      <c r="TG23" s="61"/>
      <c r="TH23" s="62"/>
      <c r="TI23" s="56"/>
      <c r="TJ23" s="61"/>
      <c r="TK23" s="61"/>
      <c r="TL23" s="61"/>
      <c r="TM23" s="61"/>
      <c r="TN23" s="62"/>
      <c r="TO23" s="56"/>
      <c r="TP23" s="61"/>
      <c r="TQ23" s="61"/>
      <c r="TR23" s="61"/>
      <c r="TS23" s="61"/>
      <c r="TT23" s="62"/>
      <c r="TU23" s="56"/>
      <c r="TV23" s="61"/>
      <c r="TW23" s="61"/>
      <c r="TX23" s="61"/>
      <c r="TY23" s="61"/>
      <c r="TZ23" s="62"/>
      <c r="UA23" s="56"/>
      <c r="UB23" s="61"/>
      <c r="UC23" s="61"/>
      <c r="UD23" s="61"/>
      <c r="UE23" s="61"/>
      <c r="UF23" s="62"/>
      <c r="UG23" s="56"/>
      <c r="UH23" s="61"/>
      <c r="UI23" s="61"/>
      <c r="UJ23" s="61"/>
      <c r="UK23" s="61"/>
      <c r="UL23" s="62"/>
      <c r="UM23" s="56"/>
      <c r="UN23" s="61"/>
      <c r="UO23" s="61"/>
      <c r="UP23" s="61"/>
      <c r="UQ23" s="61"/>
      <c r="UR23" s="62"/>
      <c r="US23" s="56"/>
      <c r="UT23" s="61"/>
      <c r="UU23" s="61"/>
      <c r="UV23" s="61"/>
      <c r="UW23" s="61"/>
      <c r="UX23" s="62"/>
      <c r="UY23" s="56"/>
      <c r="UZ23" s="61"/>
      <c r="VA23" s="61"/>
      <c r="VB23" s="61"/>
      <c r="VC23" s="61"/>
      <c r="VD23" s="62"/>
      <c r="VE23" s="56"/>
      <c r="VF23" s="61"/>
      <c r="VG23" s="61"/>
      <c r="VH23" s="61"/>
      <c r="VI23" s="61"/>
      <c r="VJ23" s="62"/>
      <c r="VK23" s="56"/>
      <c r="VL23" s="61"/>
      <c r="VM23" s="61"/>
      <c r="VN23" s="61"/>
      <c r="VO23" s="61"/>
      <c r="VP23" s="62"/>
      <c r="VQ23" s="56"/>
      <c r="VR23" s="61"/>
      <c r="VS23" s="61"/>
      <c r="VT23" s="61"/>
      <c r="VU23" s="61"/>
      <c r="VV23" s="62"/>
      <c r="VW23" s="56"/>
      <c r="VX23" s="61"/>
      <c r="VY23" s="61"/>
      <c r="VZ23" s="61"/>
      <c r="WA23" s="61"/>
      <c r="WB23" s="62"/>
      <c r="WC23" s="56"/>
      <c r="WD23" s="61"/>
      <c r="WE23" s="61"/>
      <c r="WF23" s="61"/>
      <c r="WG23" s="61"/>
      <c r="WH23" s="62"/>
      <c r="WI23" s="56"/>
      <c r="WJ23" s="61"/>
      <c r="WK23" s="61"/>
      <c r="WL23" s="61"/>
      <c r="WM23" s="61"/>
      <c r="WN23" s="62"/>
      <c r="WO23" s="56"/>
      <c r="WP23" s="61"/>
      <c r="WQ23" s="61"/>
      <c r="WR23" s="61"/>
      <c r="WS23" s="61"/>
      <c r="WT23" s="62"/>
      <c r="WU23" s="56"/>
      <c r="WV23" s="61"/>
      <c r="WW23" s="61"/>
      <c r="WX23" s="61"/>
      <c r="WY23" s="61"/>
      <c r="WZ23" s="62"/>
      <c r="XA23" s="56"/>
      <c r="XB23" s="61"/>
      <c r="XC23" s="61"/>
      <c r="XD23" s="61"/>
      <c r="XE23" s="61"/>
      <c r="XF23" s="62"/>
      <c r="XG23" s="56"/>
      <c r="XH23" s="61"/>
      <c r="XI23" s="61"/>
      <c r="XJ23" s="61"/>
      <c r="XK23" s="61"/>
      <c r="XL23" s="62"/>
      <c r="XM23" s="56"/>
      <c r="XN23" s="61"/>
      <c r="XO23" s="61"/>
      <c r="XP23" s="61"/>
      <c r="XQ23" s="61"/>
      <c r="XR23" s="62"/>
      <c r="XS23" s="56"/>
      <c r="XT23" s="61"/>
      <c r="XU23" s="61"/>
      <c r="XV23" s="61"/>
      <c r="XW23" s="61"/>
      <c r="XX23" s="62"/>
      <c r="XY23" s="56"/>
      <c r="XZ23" s="61"/>
      <c r="YA23" s="61"/>
      <c r="YB23" s="61"/>
      <c r="YC23" s="61"/>
      <c r="YD23" s="62"/>
      <c r="YE23" s="56"/>
      <c r="YF23" s="61"/>
      <c r="YG23" s="61"/>
      <c r="YH23" s="61"/>
      <c r="YI23" s="61"/>
      <c r="YJ23" s="62"/>
      <c r="YK23" s="56"/>
      <c r="YL23" s="61"/>
      <c r="YM23" s="61"/>
      <c r="YN23" s="61"/>
      <c r="YO23" s="61"/>
      <c r="YP23" s="62"/>
      <c r="YQ23" s="56"/>
      <c r="YR23" s="61"/>
      <c r="YS23" s="61"/>
      <c r="YT23" s="61"/>
      <c r="YU23" s="61"/>
      <c r="YV23" s="62"/>
      <c r="YW23" s="56"/>
      <c r="YX23" s="61"/>
      <c r="YY23" s="61"/>
      <c r="YZ23" s="61"/>
      <c r="ZA23" s="61"/>
      <c r="ZB23" s="62"/>
      <c r="ZC23" s="56"/>
      <c r="ZD23" s="61"/>
      <c r="ZE23" s="61"/>
      <c r="ZF23" s="61"/>
      <c r="ZG23" s="61"/>
      <c r="ZH23" s="62"/>
      <c r="ZI23" s="56"/>
      <c r="ZJ23" s="61"/>
      <c r="ZK23" s="61"/>
      <c r="ZL23" s="61"/>
      <c r="ZM23" s="61"/>
      <c r="ZN23" s="62"/>
      <c r="ZO23" s="56"/>
      <c r="ZP23" s="61"/>
      <c r="ZQ23" s="61"/>
      <c r="ZR23" s="61"/>
      <c r="ZS23" s="61"/>
      <c r="ZT23" s="62"/>
      <c r="ZU23" s="56"/>
      <c r="ZV23" s="61"/>
      <c r="ZW23" s="61"/>
      <c r="ZX23" s="61"/>
      <c r="ZY23" s="61"/>
      <c r="ZZ23" s="62"/>
      <c r="AAA23" s="56"/>
      <c r="AAB23" s="61"/>
      <c r="AAC23" s="61"/>
      <c r="AAD23" s="61"/>
      <c r="AAE23" s="61"/>
      <c r="AAF23" s="62"/>
      <c r="AAG23" s="56"/>
      <c r="AAH23" s="61"/>
      <c r="AAI23" s="61"/>
      <c r="AAJ23" s="61"/>
      <c r="AAK23" s="61"/>
      <c r="AAL23" s="62"/>
      <c r="AAM23" s="56"/>
      <c r="AAN23" s="61"/>
      <c r="AAO23" s="61"/>
      <c r="AAP23" s="61"/>
      <c r="AAQ23" s="61"/>
      <c r="AAR23" s="62"/>
      <c r="AAS23" s="56"/>
      <c r="AAT23" s="61"/>
      <c r="AAU23" s="61"/>
      <c r="AAV23" s="61"/>
      <c r="AAW23" s="61"/>
      <c r="AAX23" s="62"/>
      <c r="AAY23" s="56"/>
      <c r="AAZ23" s="61"/>
      <c r="ABA23" s="61"/>
      <c r="ABB23" s="61"/>
      <c r="ABC23" s="61"/>
      <c r="ABD23" s="62"/>
      <c r="ABE23" s="56"/>
      <c r="ABF23" s="61"/>
      <c r="ABG23" s="61"/>
      <c r="ABH23" s="61"/>
      <c r="ABI23" s="61"/>
      <c r="ABJ23" s="62"/>
      <c r="ABK23" s="56"/>
      <c r="ABL23" s="61"/>
      <c r="ABM23" s="61"/>
      <c r="ABN23" s="61"/>
      <c r="ABO23" s="61"/>
      <c r="ABP23" s="62"/>
      <c r="ABQ23" s="56"/>
      <c r="ABR23" s="61"/>
      <c r="ABS23" s="61"/>
      <c r="ABT23" s="61"/>
      <c r="ABU23" s="61"/>
      <c r="ABV23" s="62"/>
      <c r="ABW23" s="56"/>
      <c r="ABX23" s="61"/>
      <c r="ABY23" s="61"/>
      <c r="ABZ23" s="61"/>
      <c r="ACA23" s="61"/>
      <c r="ACB23" s="62"/>
      <c r="ACC23" s="56"/>
      <c r="ACD23" s="61"/>
      <c r="ACE23" s="61"/>
      <c r="ACF23" s="61"/>
      <c r="ACG23" s="61"/>
      <c r="ACH23" s="62"/>
      <c r="ACI23" s="56"/>
      <c r="ACJ23" s="61"/>
      <c r="ACK23" s="61"/>
      <c r="ACL23" s="61"/>
      <c r="ACM23" s="61"/>
      <c r="ACN23" s="62"/>
      <c r="ACO23" s="56"/>
      <c r="ACP23" s="61"/>
      <c r="ACQ23" s="61"/>
      <c r="ACR23" s="61"/>
      <c r="ACS23" s="61"/>
      <c r="ACT23" s="62"/>
      <c r="ACU23" s="56"/>
      <c r="ACV23" s="61"/>
      <c r="ACW23" s="61"/>
      <c r="ACX23" s="61"/>
      <c r="ACY23" s="61"/>
      <c r="ACZ23" s="62"/>
      <c r="ADA23" s="56"/>
      <c r="ADB23" s="61"/>
      <c r="ADC23" s="61"/>
      <c r="ADD23" s="61"/>
      <c r="ADE23" s="61"/>
      <c r="ADF23" s="62"/>
      <c r="ADG23" s="56"/>
      <c r="ADH23" s="61"/>
      <c r="ADI23" s="61"/>
      <c r="ADJ23" s="61"/>
      <c r="ADK23" s="61"/>
      <c r="ADL23" s="62"/>
      <c r="ADM23" s="56"/>
      <c r="ADN23" s="61"/>
      <c r="ADO23" s="61"/>
      <c r="ADP23" s="61"/>
      <c r="ADQ23" s="61"/>
      <c r="ADR23" s="62"/>
      <c r="ADS23" s="56"/>
      <c r="ADT23" s="61"/>
      <c r="ADU23" s="61"/>
      <c r="ADV23" s="61"/>
      <c r="ADW23" s="61"/>
      <c r="ADX23" s="62"/>
      <c r="ADY23" s="56"/>
      <c r="ADZ23" s="61"/>
      <c r="AEA23" s="61"/>
      <c r="AEB23" s="61"/>
      <c r="AEC23" s="61"/>
      <c r="AED23" s="62"/>
      <c r="AEE23" s="56"/>
      <c r="AEF23" s="61"/>
      <c r="AEG23" s="61"/>
      <c r="AEH23" s="61"/>
      <c r="AEI23" s="61"/>
      <c r="AEJ23" s="62"/>
      <c r="AEK23" s="56"/>
      <c r="AEL23" s="61"/>
      <c r="AEM23" s="61"/>
      <c r="AEN23" s="61"/>
      <c r="AEO23" s="61"/>
      <c r="AEP23" s="62"/>
      <c r="AEQ23" s="56"/>
      <c r="AER23" s="61"/>
      <c r="AES23" s="61"/>
      <c r="AET23" s="61"/>
      <c r="AEU23" s="61"/>
      <c r="AEV23" s="62"/>
      <c r="AEW23" s="56"/>
      <c r="AEX23" s="61"/>
      <c r="AEY23" s="61"/>
      <c r="AEZ23" s="61"/>
      <c r="AFA23" s="61"/>
      <c r="AFB23" s="62"/>
      <c r="AFC23" s="56"/>
      <c r="AFD23" s="61"/>
      <c r="AFE23" s="61"/>
      <c r="AFF23" s="61"/>
      <c r="AFG23" s="61"/>
      <c r="AFH23" s="62"/>
      <c r="AFI23" s="56"/>
      <c r="AFJ23" s="61"/>
      <c r="AFK23" s="61"/>
      <c r="AFL23" s="61"/>
      <c r="AFM23" s="61"/>
      <c r="AFN23" s="62"/>
      <c r="AFO23" s="56"/>
      <c r="AFP23" s="61"/>
      <c r="AFQ23" s="61"/>
      <c r="AFR23" s="61"/>
      <c r="AFS23" s="61"/>
      <c r="AFT23" s="62"/>
      <c r="AFU23" s="56"/>
      <c r="AFV23" s="61"/>
      <c r="AFW23" s="61"/>
      <c r="AFX23" s="61"/>
      <c r="AFY23" s="61"/>
      <c r="AFZ23" s="62"/>
      <c r="AGA23" s="56"/>
      <c r="AGB23" s="61"/>
      <c r="AGC23" s="61"/>
      <c r="AGD23" s="61"/>
      <c r="AGE23" s="61"/>
      <c r="AGF23" s="62"/>
      <c r="AGG23" s="56"/>
      <c r="AGH23" s="61"/>
      <c r="AGI23" s="61"/>
      <c r="AGJ23" s="61"/>
      <c r="AGK23" s="61"/>
      <c r="AGL23" s="62"/>
      <c r="AGM23" s="56"/>
      <c r="AGN23" s="61"/>
      <c r="AGO23" s="61"/>
      <c r="AGP23" s="61"/>
      <c r="AGQ23" s="61"/>
      <c r="AGR23" s="62"/>
      <c r="AGS23" s="56"/>
      <c r="AGT23" s="61"/>
      <c r="AGU23" s="61"/>
      <c r="AGV23" s="61"/>
      <c r="AGW23" s="61"/>
      <c r="AGX23" s="62"/>
      <c r="AGY23" s="56"/>
      <c r="AGZ23" s="61"/>
      <c r="AHA23" s="61"/>
      <c r="AHB23" s="61"/>
      <c r="AHC23" s="61"/>
      <c r="AHD23" s="62"/>
      <c r="AHE23" s="56"/>
      <c r="AHF23" s="61"/>
      <c r="AHG23" s="61"/>
      <c r="AHH23" s="61"/>
      <c r="AHI23" s="61"/>
      <c r="AHJ23" s="62"/>
      <c r="AHK23" s="56"/>
      <c r="AHL23" s="61"/>
      <c r="AHM23" s="61"/>
      <c r="AHN23" s="61"/>
      <c r="AHO23" s="61"/>
      <c r="AHP23" s="62"/>
      <c r="AHQ23" s="56"/>
      <c r="AHR23" s="61"/>
      <c r="AHS23" s="61"/>
      <c r="AHT23" s="61"/>
      <c r="AHU23" s="61"/>
      <c r="AHV23" s="62"/>
      <c r="AHW23" s="56"/>
      <c r="AHX23" s="61"/>
      <c r="AHY23" s="61"/>
      <c r="AHZ23" s="61"/>
      <c r="AIA23" s="61"/>
      <c r="AIB23" s="62"/>
      <c r="AIC23" s="56"/>
      <c r="AID23" s="61"/>
      <c r="AIE23" s="61"/>
      <c r="AIF23" s="61"/>
      <c r="AIG23" s="61"/>
      <c r="AIH23" s="62"/>
      <c r="AII23" s="56"/>
      <c r="AIJ23" s="61"/>
      <c r="AIK23" s="61"/>
      <c r="AIL23" s="61"/>
      <c r="AIM23" s="61"/>
      <c r="AIN23" s="62"/>
      <c r="AIO23" s="56"/>
      <c r="AIP23" s="61"/>
      <c r="AIQ23" s="61"/>
      <c r="AIR23" s="61"/>
      <c r="AIS23" s="61"/>
      <c r="AIT23" s="62"/>
      <c r="AIU23" s="56"/>
      <c r="AIV23" s="61"/>
      <c r="AIW23" s="61"/>
      <c r="AIX23" s="61"/>
      <c r="AIY23" s="61"/>
      <c r="AIZ23" s="62"/>
      <c r="AJA23" s="56"/>
      <c r="AJB23" s="61"/>
      <c r="AJC23" s="61"/>
      <c r="AJD23" s="61"/>
      <c r="AJE23" s="61"/>
      <c r="AJF23" s="62"/>
      <c r="AJG23" s="56"/>
      <c r="AJH23" s="61"/>
      <c r="AJI23" s="61"/>
      <c r="AJJ23" s="61"/>
      <c r="AJK23" s="61"/>
      <c r="AJL23" s="62"/>
      <c r="AJM23" s="56"/>
      <c r="AJN23" s="61"/>
      <c r="AJO23" s="61"/>
      <c r="AJP23" s="61"/>
      <c r="AJQ23" s="61"/>
      <c r="AJR23" s="62"/>
      <c r="AJS23" s="56"/>
      <c r="AJT23" s="61"/>
      <c r="AJU23" s="61"/>
      <c r="AJV23" s="61"/>
      <c r="AJW23" s="61"/>
      <c r="AJX23" s="62"/>
      <c r="AJY23" s="56"/>
      <c r="AJZ23" s="61"/>
      <c r="AKA23" s="61"/>
      <c r="AKB23" s="61"/>
      <c r="AKC23" s="61"/>
      <c r="AKD23" s="62"/>
      <c r="AKE23" s="56"/>
      <c r="AKF23" s="61"/>
      <c r="AKG23" s="61"/>
      <c r="AKH23" s="61"/>
      <c r="AKI23" s="61"/>
      <c r="AKJ23" s="62"/>
      <c r="AKK23" s="56"/>
      <c r="AKL23" s="61"/>
      <c r="AKM23" s="61"/>
      <c r="AKN23" s="61"/>
      <c r="AKO23" s="61"/>
      <c r="AKP23" s="62"/>
      <c r="AKQ23" s="56"/>
      <c r="AKR23" s="61"/>
      <c r="AKS23" s="61"/>
      <c r="AKT23" s="61"/>
      <c r="AKU23" s="61"/>
      <c r="AKV23" s="62"/>
      <c r="AKW23" s="56"/>
      <c r="AKX23" s="61"/>
      <c r="AKY23" s="61"/>
      <c r="AKZ23" s="61"/>
      <c r="ALA23" s="61"/>
      <c r="ALB23" s="62"/>
      <c r="ALC23" s="56"/>
      <c r="ALD23" s="61"/>
      <c r="ALE23" s="61"/>
      <c r="ALF23" s="61"/>
      <c r="ALG23" s="61"/>
      <c r="ALH23" s="62"/>
      <c r="ALI23" s="56"/>
      <c r="ALJ23" s="61"/>
      <c r="ALK23" s="61"/>
      <c r="ALL23" s="61"/>
      <c r="ALM23" s="61"/>
      <c r="ALN23" s="62"/>
      <c r="ALO23" s="56"/>
      <c r="ALP23" s="61"/>
      <c r="ALQ23" s="61"/>
      <c r="ALR23" s="61"/>
      <c r="ALS23" s="61"/>
      <c r="ALT23" s="62"/>
      <c r="ALU23" s="56"/>
      <c r="ALV23" s="61"/>
      <c r="ALW23" s="61"/>
      <c r="ALX23" s="61"/>
      <c r="ALY23" s="61"/>
      <c r="ALZ23" s="62"/>
      <c r="AMA23" s="56"/>
      <c r="AMB23" s="61"/>
      <c r="AMC23" s="61"/>
      <c r="AMD23" s="61"/>
      <c r="AME23" s="61"/>
      <c r="AMF23" s="62"/>
      <c r="AMG23" s="56"/>
      <c r="AMH23" s="61"/>
      <c r="AMI23" s="61"/>
      <c r="AMJ23" s="61"/>
      <c r="AMK23" s="61"/>
      <c r="AML23" s="62"/>
      <c r="AMM23" s="56"/>
      <c r="AMN23" s="61"/>
      <c r="AMO23" s="61"/>
      <c r="AMP23" s="61"/>
      <c r="AMQ23" s="61"/>
      <c r="AMR23" s="62"/>
      <c r="AMS23" s="56"/>
      <c r="AMT23" s="61"/>
      <c r="AMU23" s="61"/>
      <c r="AMV23" s="61"/>
      <c r="AMW23" s="61"/>
      <c r="AMX23" s="62"/>
      <c r="AMY23" s="56"/>
      <c r="AMZ23" s="61"/>
      <c r="ANA23" s="61"/>
      <c r="ANB23" s="61"/>
      <c r="ANC23" s="61"/>
      <c r="AND23" s="62"/>
      <c r="ANE23" s="56"/>
      <c r="ANF23" s="61"/>
      <c r="ANG23" s="61"/>
      <c r="ANH23" s="61"/>
      <c r="ANI23" s="61"/>
      <c r="ANJ23" s="62"/>
      <c r="ANK23" s="56"/>
      <c r="ANL23" s="61"/>
      <c r="ANM23" s="61"/>
      <c r="ANN23" s="61"/>
      <c r="ANO23" s="61"/>
      <c r="ANP23" s="62"/>
      <c r="ANQ23" s="56"/>
      <c r="ANR23" s="61"/>
      <c r="ANS23" s="61"/>
      <c r="ANT23" s="61"/>
      <c r="ANU23" s="61"/>
      <c r="ANV23" s="62"/>
      <c r="ANW23" s="56"/>
      <c r="ANX23" s="61"/>
      <c r="ANY23" s="61"/>
      <c r="ANZ23" s="61"/>
      <c r="AOA23" s="61"/>
      <c r="AOB23" s="62"/>
      <c r="AOC23" s="56"/>
      <c r="AOD23" s="61"/>
      <c r="AOE23" s="61"/>
      <c r="AOF23" s="61"/>
      <c r="AOG23" s="61"/>
      <c r="AOH23" s="62"/>
      <c r="AOI23" s="56"/>
      <c r="AOJ23" s="61"/>
      <c r="AOK23" s="61"/>
      <c r="AOL23" s="61"/>
      <c r="AOM23" s="61"/>
      <c r="AON23" s="62"/>
      <c r="AOO23" s="56"/>
      <c r="AOP23" s="61"/>
      <c r="AOQ23" s="61"/>
      <c r="AOR23" s="61"/>
      <c r="AOS23" s="61"/>
      <c r="AOT23" s="62"/>
      <c r="AOU23" s="56"/>
      <c r="AOV23" s="61"/>
      <c r="AOW23" s="61"/>
      <c r="AOX23" s="61"/>
      <c r="AOY23" s="61"/>
      <c r="AOZ23" s="62"/>
      <c r="APA23" s="56"/>
      <c r="APB23" s="61"/>
      <c r="APC23" s="61"/>
      <c r="APD23" s="61"/>
      <c r="APE23" s="61"/>
      <c r="APF23" s="62"/>
      <c r="APG23" s="56"/>
      <c r="APH23" s="61"/>
      <c r="API23" s="61"/>
      <c r="APJ23" s="61"/>
      <c r="APK23" s="61"/>
      <c r="APL23" s="62"/>
      <c r="APM23" s="56"/>
      <c r="APN23" s="61"/>
      <c r="APO23" s="61"/>
      <c r="APP23" s="61"/>
      <c r="APQ23" s="61"/>
      <c r="APR23" s="62"/>
      <c r="APS23" s="56"/>
      <c r="APT23" s="61"/>
      <c r="APU23" s="61"/>
      <c r="APV23" s="61"/>
      <c r="APW23" s="61"/>
      <c r="APX23" s="62"/>
      <c r="APY23" s="56"/>
      <c r="APZ23" s="61"/>
      <c r="AQA23" s="61"/>
      <c r="AQB23" s="61"/>
      <c r="AQC23" s="61"/>
      <c r="AQD23" s="62"/>
      <c r="AQE23" s="56"/>
      <c r="AQF23" s="61"/>
      <c r="AQG23" s="61"/>
      <c r="AQH23" s="61"/>
      <c r="AQI23" s="61"/>
      <c r="AQJ23" s="62"/>
      <c r="AQK23" s="56"/>
      <c r="AQL23" s="61"/>
      <c r="AQM23" s="61"/>
      <c r="AQN23" s="61"/>
      <c r="AQO23" s="61"/>
      <c r="AQP23" s="62"/>
      <c r="AQQ23" s="56"/>
      <c r="AQR23" s="61"/>
      <c r="AQS23" s="61"/>
      <c r="AQT23" s="61"/>
      <c r="AQU23" s="61"/>
      <c r="AQV23" s="62"/>
      <c r="AQW23" s="56"/>
      <c r="AQX23" s="61"/>
      <c r="AQY23" s="61"/>
      <c r="AQZ23" s="61"/>
      <c r="ARA23" s="61"/>
      <c r="ARB23" s="62"/>
      <c r="ARC23" s="56"/>
      <c r="ARD23" s="61"/>
      <c r="ARE23" s="61"/>
      <c r="ARF23" s="61"/>
      <c r="ARG23" s="61"/>
      <c r="ARH23" s="62"/>
      <c r="ARI23" s="56"/>
      <c r="ARJ23" s="61"/>
      <c r="ARK23" s="61"/>
      <c r="ARL23" s="61"/>
      <c r="ARM23" s="61"/>
      <c r="ARN23" s="62"/>
      <c r="ARO23" s="56"/>
      <c r="ARP23" s="61"/>
      <c r="ARQ23" s="61"/>
      <c r="ARR23" s="61"/>
      <c r="ARS23" s="61"/>
      <c r="ART23" s="62"/>
      <c r="ARU23" s="56"/>
      <c r="ARV23" s="61"/>
      <c r="ARW23" s="61"/>
      <c r="ARX23" s="61"/>
      <c r="ARY23" s="61"/>
      <c r="ARZ23" s="62"/>
      <c r="ASA23" s="56"/>
      <c r="ASB23" s="61"/>
      <c r="ASC23" s="61"/>
      <c r="ASD23" s="61"/>
      <c r="ASE23" s="61"/>
      <c r="ASF23" s="62"/>
      <c r="ASG23" s="56"/>
      <c r="ASH23" s="61"/>
      <c r="ASI23" s="61"/>
      <c r="ASJ23" s="61"/>
      <c r="ASK23" s="61"/>
      <c r="ASL23" s="62"/>
      <c r="ASM23" s="56"/>
      <c r="ASN23" s="61"/>
      <c r="ASO23" s="61"/>
      <c r="ASP23" s="61"/>
      <c r="ASQ23" s="61"/>
      <c r="ASR23" s="62"/>
      <c r="ASS23" s="56"/>
      <c r="AST23" s="61"/>
      <c r="ASU23" s="61"/>
      <c r="ASV23" s="61"/>
      <c r="ASW23" s="61"/>
      <c r="ASX23" s="62"/>
      <c r="ASY23" s="56"/>
      <c r="ASZ23" s="61"/>
      <c r="ATA23" s="61"/>
      <c r="ATB23" s="61"/>
      <c r="ATC23" s="61"/>
      <c r="ATD23" s="62"/>
      <c r="ATE23" s="56"/>
      <c r="ATF23" s="61"/>
      <c r="ATG23" s="61"/>
      <c r="ATH23" s="61"/>
      <c r="ATI23" s="61"/>
      <c r="ATJ23" s="62"/>
      <c r="ATK23" s="56"/>
      <c r="ATL23" s="61"/>
      <c r="ATM23" s="61"/>
      <c r="ATN23" s="61"/>
      <c r="ATO23" s="61"/>
      <c r="ATP23" s="62"/>
      <c r="ATQ23" s="56"/>
      <c r="ATR23" s="61"/>
      <c r="ATS23" s="61"/>
      <c r="ATT23" s="61"/>
      <c r="ATU23" s="61"/>
      <c r="ATV23" s="62"/>
      <c r="ATW23" s="56"/>
      <c r="ATX23" s="61"/>
      <c r="ATY23" s="61"/>
      <c r="ATZ23" s="61"/>
      <c r="AUA23" s="61"/>
      <c r="AUB23" s="62"/>
      <c r="AUC23" s="56"/>
      <c r="AUD23" s="61"/>
      <c r="AUE23" s="61"/>
      <c r="AUF23" s="61"/>
      <c r="AUG23" s="61"/>
      <c r="AUH23" s="62"/>
      <c r="AUI23" s="56"/>
      <c r="AUJ23" s="61"/>
      <c r="AUK23" s="61"/>
      <c r="AUL23" s="61"/>
      <c r="AUM23" s="61"/>
      <c r="AUN23" s="62"/>
      <c r="AUO23" s="56"/>
      <c r="AUP23" s="61"/>
      <c r="AUQ23" s="61"/>
      <c r="AUR23" s="61"/>
      <c r="AUS23" s="61"/>
      <c r="AUT23" s="62"/>
      <c r="AUU23" s="56"/>
      <c r="AUV23" s="61"/>
      <c r="AUW23" s="61"/>
      <c r="AUX23" s="61"/>
      <c r="AUY23" s="61"/>
      <c r="AUZ23" s="62"/>
      <c r="AVA23" s="56"/>
      <c r="AVB23" s="61"/>
      <c r="AVC23" s="61"/>
      <c r="AVD23" s="61"/>
      <c r="AVE23" s="61"/>
      <c r="AVF23" s="62"/>
      <c r="AVG23" s="56"/>
      <c r="AVH23" s="61"/>
      <c r="AVI23" s="61"/>
      <c r="AVJ23" s="61"/>
      <c r="AVK23" s="61"/>
      <c r="AVL23" s="62"/>
      <c r="AVM23" s="56"/>
      <c r="AVN23" s="61"/>
      <c r="AVO23" s="61"/>
      <c r="AVP23" s="61"/>
      <c r="AVQ23" s="61"/>
      <c r="AVR23" s="62"/>
      <c r="AVS23" s="56"/>
      <c r="AVT23" s="61"/>
      <c r="AVU23" s="61"/>
      <c r="AVV23" s="61"/>
      <c r="AVW23" s="61"/>
      <c r="AVX23" s="62"/>
      <c r="AVY23" s="56"/>
      <c r="AVZ23" s="61"/>
      <c r="AWA23" s="61"/>
      <c r="AWB23" s="61"/>
      <c r="AWC23" s="61"/>
      <c r="AWD23" s="62"/>
      <c r="AWE23" s="56"/>
      <c r="AWF23" s="61"/>
      <c r="AWG23" s="61"/>
      <c r="AWH23" s="61"/>
      <c r="AWI23" s="61"/>
      <c r="AWJ23" s="62"/>
      <c r="AWK23" s="56"/>
      <c r="AWL23" s="61"/>
      <c r="AWM23" s="61"/>
      <c r="AWN23" s="61"/>
      <c r="AWO23" s="61"/>
      <c r="AWP23" s="62"/>
      <c r="AWQ23" s="56"/>
      <c r="AWR23" s="61"/>
      <c r="AWS23" s="61"/>
      <c r="AWT23" s="61"/>
      <c r="AWU23" s="61"/>
      <c r="AWV23" s="62"/>
      <c r="AWW23" s="56"/>
      <c r="AWX23" s="61"/>
      <c r="AWY23" s="61"/>
      <c r="AWZ23" s="61"/>
      <c r="AXA23" s="61"/>
      <c r="AXB23" s="62"/>
      <c r="AXC23" s="56"/>
      <c r="AXD23" s="61"/>
      <c r="AXE23" s="61"/>
      <c r="AXF23" s="61"/>
      <c r="AXG23" s="61"/>
      <c r="AXH23" s="62"/>
      <c r="AXI23" s="56"/>
      <c r="AXJ23" s="61"/>
      <c r="AXK23" s="61"/>
      <c r="AXL23" s="61"/>
      <c r="AXM23" s="61"/>
      <c r="AXN23" s="62"/>
      <c r="AXO23" s="56"/>
      <c r="AXP23" s="61"/>
      <c r="AXQ23" s="61"/>
      <c r="AXR23" s="61"/>
      <c r="AXS23" s="61"/>
      <c r="AXT23" s="62"/>
      <c r="AXU23" s="56"/>
      <c r="AXV23" s="61"/>
      <c r="AXW23" s="61"/>
      <c r="AXX23" s="61"/>
      <c r="AXY23" s="61"/>
      <c r="AXZ23" s="62"/>
      <c r="AYA23" s="56"/>
      <c r="AYB23" s="61"/>
      <c r="AYC23" s="61"/>
      <c r="AYD23" s="61"/>
      <c r="AYE23" s="61"/>
      <c r="AYF23" s="62"/>
      <c r="AYG23" s="56"/>
      <c r="AYH23" s="61"/>
      <c r="AYI23" s="61"/>
      <c r="AYJ23" s="61"/>
      <c r="AYK23" s="61"/>
      <c r="AYL23" s="62"/>
      <c r="AYM23" s="56"/>
      <c r="AYN23" s="61"/>
      <c r="AYO23" s="61"/>
      <c r="AYP23" s="61"/>
      <c r="AYQ23" s="61"/>
      <c r="AYR23" s="62"/>
      <c r="AYS23" s="56"/>
      <c r="AYT23" s="61"/>
      <c r="AYU23" s="61"/>
      <c r="AYV23" s="61"/>
      <c r="AYW23" s="61"/>
      <c r="AYX23" s="62"/>
      <c r="AYY23" s="56"/>
      <c r="AYZ23" s="61"/>
      <c r="AZA23" s="61"/>
      <c r="AZB23" s="61"/>
      <c r="AZC23" s="61"/>
      <c r="AZD23" s="62"/>
      <c r="AZE23" s="56"/>
      <c r="AZF23" s="61"/>
      <c r="AZG23" s="61"/>
      <c r="AZH23" s="61"/>
      <c r="AZI23" s="61"/>
      <c r="AZJ23" s="62"/>
      <c r="AZK23" s="56"/>
      <c r="AZL23" s="61"/>
      <c r="AZM23" s="61"/>
      <c r="AZN23" s="61"/>
      <c r="AZO23" s="61"/>
      <c r="AZP23" s="62"/>
      <c r="AZQ23" s="56"/>
      <c r="AZR23" s="61"/>
      <c r="AZS23" s="61"/>
      <c r="AZT23" s="61"/>
      <c r="AZU23" s="61"/>
      <c r="AZV23" s="62"/>
      <c r="AZW23" s="56"/>
      <c r="AZX23" s="61"/>
      <c r="AZY23" s="61"/>
      <c r="AZZ23" s="61"/>
      <c r="BAA23" s="61"/>
      <c r="BAB23" s="62"/>
      <c r="BAC23" s="56"/>
      <c r="BAD23" s="61"/>
      <c r="BAE23" s="61"/>
      <c r="BAF23" s="61"/>
      <c r="BAG23" s="61"/>
      <c r="BAH23" s="62"/>
      <c r="BAI23" s="56"/>
      <c r="BAJ23" s="61"/>
      <c r="BAK23" s="61"/>
      <c r="BAL23" s="61"/>
      <c r="BAM23" s="61"/>
      <c r="BAN23" s="62"/>
      <c r="BAO23" s="56"/>
      <c r="BAP23" s="61"/>
      <c r="BAQ23" s="61"/>
      <c r="BAR23" s="61"/>
      <c r="BAS23" s="61"/>
      <c r="BAT23" s="62"/>
      <c r="BAU23" s="56"/>
      <c r="BAV23" s="61"/>
      <c r="BAW23" s="61"/>
      <c r="BAX23" s="61"/>
      <c r="BAY23" s="61"/>
      <c r="BAZ23" s="62"/>
      <c r="BBA23" s="56"/>
      <c r="BBB23" s="61"/>
      <c r="BBC23" s="61"/>
      <c r="BBD23" s="61"/>
      <c r="BBE23" s="61"/>
      <c r="BBF23" s="62"/>
      <c r="BBG23" s="56"/>
      <c r="BBH23" s="61"/>
      <c r="BBI23" s="61"/>
      <c r="BBJ23" s="61"/>
      <c r="BBK23" s="61"/>
      <c r="BBL23" s="62"/>
      <c r="BBM23" s="56"/>
      <c r="BBN23" s="61"/>
      <c r="BBO23" s="61"/>
      <c r="BBP23" s="61"/>
      <c r="BBQ23" s="61"/>
      <c r="BBR23" s="62"/>
      <c r="BBS23" s="56"/>
      <c r="BBT23" s="61"/>
      <c r="BBU23" s="61"/>
      <c r="BBV23" s="61"/>
      <c r="BBW23" s="61"/>
      <c r="BBX23" s="62"/>
      <c r="BBY23" s="56"/>
      <c r="BBZ23" s="61"/>
      <c r="BCA23" s="61"/>
      <c r="BCB23" s="61"/>
      <c r="BCC23" s="61"/>
      <c r="BCD23" s="62"/>
      <c r="BCE23" s="56"/>
      <c r="BCF23" s="61"/>
      <c r="BCG23" s="61"/>
      <c r="BCH23" s="61"/>
      <c r="BCI23" s="61"/>
      <c r="BCJ23" s="62"/>
      <c r="BCK23" s="56"/>
      <c r="BCL23" s="61"/>
      <c r="BCM23" s="61"/>
      <c r="BCN23" s="61"/>
      <c r="BCO23" s="61"/>
      <c r="BCP23" s="62"/>
      <c r="BCQ23" s="56"/>
      <c r="BCR23" s="61"/>
      <c r="BCS23" s="61"/>
      <c r="BCT23" s="61"/>
      <c r="BCU23" s="61"/>
      <c r="BCV23" s="62"/>
      <c r="BCW23" s="56"/>
      <c r="BCX23" s="61"/>
      <c r="BCY23" s="61"/>
      <c r="BCZ23" s="61"/>
      <c r="BDA23" s="61"/>
      <c r="BDB23" s="62"/>
      <c r="BDC23" s="56"/>
      <c r="BDD23" s="61"/>
      <c r="BDE23" s="61"/>
      <c r="BDF23" s="61"/>
      <c r="BDG23" s="61"/>
      <c r="BDH23" s="62"/>
      <c r="BDI23" s="56"/>
      <c r="BDJ23" s="61"/>
      <c r="BDK23" s="61"/>
      <c r="BDL23" s="61"/>
      <c r="BDM23" s="61"/>
      <c r="BDN23" s="62"/>
      <c r="BDO23" s="56"/>
      <c r="BDP23" s="61"/>
      <c r="BDQ23" s="61"/>
      <c r="BDR23" s="61"/>
      <c r="BDS23" s="61"/>
      <c r="BDT23" s="62"/>
      <c r="BDU23" s="56"/>
      <c r="BDV23" s="61"/>
      <c r="BDW23" s="61"/>
      <c r="BDX23" s="61"/>
      <c r="BDY23" s="61"/>
      <c r="BDZ23" s="62"/>
      <c r="BEA23" s="56"/>
      <c r="BEB23" s="61"/>
      <c r="BEC23" s="61"/>
      <c r="BED23" s="61"/>
      <c r="BEE23" s="61"/>
      <c r="BEF23" s="62"/>
      <c r="BEG23" s="56"/>
      <c r="BEH23" s="61"/>
      <c r="BEI23" s="61"/>
      <c r="BEJ23" s="61"/>
      <c r="BEK23" s="61"/>
      <c r="BEL23" s="62"/>
      <c r="BEM23" s="56"/>
      <c r="BEN23" s="61"/>
      <c r="BEO23" s="61"/>
      <c r="BEP23" s="61"/>
      <c r="BEQ23" s="61"/>
      <c r="BER23" s="62"/>
      <c r="BES23" s="56"/>
      <c r="BET23" s="61"/>
      <c r="BEU23" s="61"/>
      <c r="BEV23" s="61"/>
      <c r="BEW23" s="61"/>
      <c r="BEX23" s="62"/>
      <c r="BEY23" s="56"/>
      <c r="BEZ23" s="61"/>
      <c r="BFA23" s="61"/>
      <c r="BFB23" s="61"/>
      <c r="BFC23" s="61"/>
      <c r="BFD23" s="62"/>
      <c r="BFE23" s="56"/>
      <c r="BFF23" s="61"/>
      <c r="BFG23" s="61"/>
      <c r="BFH23" s="61"/>
      <c r="BFI23" s="61"/>
      <c r="BFJ23" s="62"/>
      <c r="BFK23" s="56"/>
      <c r="BFL23" s="61"/>
      <c r="BFM23" s="61"/>
      <c r="BFN23" s="61"/>
      <c r="BFO23" s="61"/>
      <c r="BFP23" s="62"/>
      <c r="BFQ23" s="56"/>
      <c r="BFR23" s="61"/>
      <c r="BFS23" s="61"/>
      <c r="BFT23" s="61"/>
      <c r="BFU23" s="61"/>
      <c r="BFV23" s="62"/>
      <c r="BFW23" s="56"/>
      <c r="BFX23" s="61"/>
      <c r="BFY23" s="61"/>
      <c r="BFZ23" s="61"/>
      <c r="BGA23" s="61"/>
      <c r="BGB23" s="62"/>
      <c r="BGC23" s="56"/>
      <c r="BGD23" s="61"/>
      <c r="BGE23" s="61"/>
      <c r="BGF23" s="61"/>
      <c r="BGG23" s="61"/>
      <c r="BGH23" s="62"/>
      <c r="BGI23" s="56"/>
      <c r="BGJ23" s="61"/>
      <c r="BGK23" s="61"/>
      <c r="BGL23" s="61"/>
      <c r="BGM23" s="61"/>
      <c r="BGN23" s="62"/>
      <c r="BGO23" s="56"/>
      <c r="BGP23" s="61"/>
      <c r="BGQ23" s="61"/>
      <c r="BGR23" s="61"/>
      <c r="BGS23" s="61"/>
      <c r="BGT23" s="62"/>
      <c r="BGU23" s="56"/>
      <c r="BGV23" s="61"/>
      <c r="BGW23" s="61"/>
      <c r="BGX23" s="61"/>
      <c r="BGY23" s="61"/>
      <c r="BGZ23" s="62"/>
      <c r="BHA23" s="56"/>
      <c r="BHB23" s="61"/>
      <c r="BHC23" s="61"/>
      <c r="BHD23" s="61"/>
      <c r="BHE23" s="61"/>
      <c r="BHF23" s="62"/>
      <c r="BHG23" s="56"/>
      <c r="BHH23" s="61"/>
      <c r="BHI23" s="61"/>
      <c r="BHJ23" s="61"/>
      <c r="BHK23" s="61"/>
      <c r="BHL23" s="62"/>
      <c r="BHM23" s="56"/>
      <c r="BHN23" s="61"/>
      <c r="BHO23" s="61"/>
      <c r="BHP23" s="61"/>
      <c r="BHQ23" s="61"/>
      <c r="BHR23" s="62"/>
      <c r="BHS23" s="56"/>
      <c r="BHT23" s="61"/>
      <c r="BHU23" s="61"/>
      <c r="BHV23" s="61"/>
      <c r="BHW23" s="61"/>
      <c r="BHX23" s="62"/>
      <c r="BHY23" s="56"/>
      <c r="BHZ23" s="61"/>
      <c r="BIA23" s="61"/>
      <c r="BIB23" s="61"/>
      <c r="BIC23" s="61"/>
      <c r="BID23" s="62"/>
      <c r="BIE23" s="56"/>
      <c r="BIF23" s="61"/>
      <c r="BIG23" s="61"/>
      <c r="BIH23" s="61"/>
      <c r="BII23" s="61"/>
      <c r="BIJ23" s="62"/>
      <c r="BIK23" s="56"/>
      <c r="BIL23" s="61"/>
      <c r="BIM23" s="61"/>
      <c r="BIN23" s="61"/>
      <c r="BIO23" s="61"/>
      <c r="BIP23" s="62"/>
      <c r="BIQ23" s="56"/>
      <c r="BIR23" s="61"/>
      <c r="BIS23" s="61"/>
      <c r="BIT23" s="61"/>
      <c r="BIU23" s="61"/>
      <c r="BIV23" s="62"/>
      <c r="BIW23" s="56"/>
      <c r="BIX23" s="61"/>
      <c r="BIY23" s="61"/>
      <c r="BIZ23" s="61"/>
      <c r="BJA23" s="61"/>
      <c r="BJB23" s="62"/>
      <c r="BJC23" s="56"/>
      <c r="BJD23" s="61"/>
      <c r="BJE23" s="61"/>
      <c r="BJF23" s="61"/>
      <c r="BJG23" s="61"/>
      <c r="BJH23" s="62"/>
      <c r="BJI23" s="56"/>
      <c r="BJJ23" s="61"/>
      <c r="BJK23" s="61"/>
      <c r="BJL23" s="61"/>
      <c r="BJM23" s="61"/>
      <c r="BJN23" s="62"/>
      <c r="BJO23" s="56"/>
      <c r="BJP23" s="61"/>
      <c r="BJQ23" s="61"/>
      <c r="BJR23" s="61"/>
      <c r="BJS23" s="61"/>
      <c r="BJT23" s="62"/>
      <c r="BJU23" s="56"/>
      <c r="BJV23" s="61"/>
      <c r="BJW23" s="61"/>
      <c r="BJX23" s="61"/>
      <c r="BJY23" s="61"/>
      <c r="BJZ23" s="62"/>
      <c r="BKA23" s="56"/>
      <c r="BKB23" s="61"/>
      <c r="BKC23" s="61"/>
      <c r="BKD23" s="61"/>
      <c r="BKE23" s="61"/>
      <c r="BKF23" s="62"/>
      <c r="BKG23" s="56"/>
      <c r="BKH23" s="61"/>
      <c r="BKI23" s="61"/>
      <c r="BKJ23" s="61"/>
      <c r="BKK23" s="61"/>
      <c r="BKL23" s="62"/>
      <c r="BKM23" s="56"/>
      <c r="BKN23" s="61"/>
      <c r="BKO23" s="61"/>
      <c r="BKP23" s="61"/>
      <c r="BKQ23" s="61"/>
      <c r="BKR23" s="62"/>
      <c r="BKS23" s="56"/>
      <c r="BKT23" s="61"/>
      <c r="BKU23" s="61"/>
      <c r="BKV23" s="61"/>
      <c r="BKW23" s="61"/>
      <c r="BKX23" s="62"/>
      <c r="BKY23" s="56"/>
      <c r="BKZ23" s="61"/>
      <c r="BLA23" s="61"/>
      <c r="BLB23" s="61"/>
      <c r="BLC23" s="61"/>
      <c r="BLD23" s="62"/>
      <c r="BLE23" s="56"/>
      <c r="BLF23" s="61"/>
      <c r="BLG23" s="61"/>
      <c r="BLH23" s="61"/>
      <c r="BLI23" s="61"/>
      <c r="BLJ23" s="62"/>
      <c r="BLK23" s="56"/>
      <c r="BLL23" s="61"/>
      <c r="BLM23" s="61"/>
      <c r="BLN23" s="61"/>
      <c r="BLO23" s="61"/>
      <c r="BLP23" s="62"/>
      <c r="BLQ23" s="56"/>
      <c r="BLR23" s="61"/>
      <c r="BLS23" s="61"/>
      <c r="BLT23" s="61"/>
      <c r="BLU23" s="61"/>
      <c r="BLV23" s="62"/>
      <c r="BLW23" s="56"/>
      <c r="BLX23" s="61"/>
      <c r="BLY23" s="61"/>
      <c r="BLZ23" s="61"/>
      <c r="BMA23" s="61"/>
      <c r="BMB23" s="62"/>
      <c r="BMC23" s="56"/>
      <c r="BMD23" s="61"/>
      <c r="BME23" s="61"/>
      <c r="BMF23" s="61"/>
      <c r="BMG23" s="61"/>
      <c r="BMH23" s="62"/>
      <c r="BMI23" s="56"/>
      <c r="BMJ23" s="61"/>
      <c r="BMK23" s="61"/>
      <c r="BML23" s="61"/>
      <c r="BMM23" s="61"/>
      <c r="BMN23" s="62"/>
      <c r="BMO23" s="56"/>
      <c r="BMP23" s="61"/>
      <c r="BMQ23" s="61"/>
      <c r="BMR23" s="61"/>
      <c r="BMS23" s="61"/>
      <c r="BMT23" s="62"/>
      <c r="BMU23" s="56"/>
      <c r="BMV23" s="61"/>
      <c r="BMW23" s="61"/>
      <c r="BMX23" s="61"/>
      <c r="BMY23" s="61"/>
      <c r="BMZ23" s="62"/>
      <c r="BNA23" s="56"/>
      <c r="BNB23" s="61"/>
      <c r="BNC23" s="61"/>
      <c r="BND23" s="61"/>
      <c r="BNE23" s="61"/>
      <c r="BNF23" s="62"/>
      <c r="BNG23" s="56"/>
      <c r="BNH23" s="61"/>
      <c r="BNI23" s="61"/>
      <c r="BNJ23" s="61"/>
      <c r="BNK23" s="61"/>
      <c r="BNL23" s="62"/>
      <c r="BNM23" s="56"/>
      <c r="BNN23" s="61"/>
      <c r="BNO23" s="61"/>
      <c r="BNP23" s="61"/>
      <c r="BNQ23" s="61"/>
      <c r="BNR23" s="62"/>
      <c r="BNS23" s="56"/>
      <c r="BNT23" s="61"/>
      <c r="BNU23" s="61"/>
      <c r="BNV23" s="61"/>
      <c r="BNW23" s="61"/>
      <c r="BNX23" s="62"/>
      <c r="BNY23" s="56"/>
      <c r="BNZ23" s="61"/>
      <c r="BOA23" s="61"/>
      <c r="BOB23" s="61"/>
      <c r="BOC23" s="61"/>
      <c r="BOD23" s="62"/>
      <c r="BOE23" s="56"/>
      <c r="BOF23" s="61"/>
      <c r="BOG23" s="61"/>
      <c r="BOH23" s="61"/>
      <c r="BOI23" s="61"/>
      <c r="BOJ23" s="62"/>
      <c r="BOK23" s="56"/>
      <c r="BOL23" s="61"/>
      <c r="BOM23" s="61"/>
      <c r="BON23" s="61"/>
      <c r="BOO23" s="61"/>
      <c r="BOP23" s="62"/>
      <c r="BOQ23" s="56"/>
      <c r="BOR23" s="61"/>
      <c r="BOS23" s="61"/>
      <c r="BOT23" s="61"/>
      <c r="BOU23" s="61"/>
      <c r="BOV23" s="62"/>
      <c r="BOW23" s="56"/>
      <c r="BOX23" s="61"/>
      <c r="BOY23" s="61"/>
      <c r="BOZ23" s="61"/>
      <c r="BPA23" s="61"/>
      <c r="BPB23" s="62"/>
      <c r="BPC23" s="56"/>
      <c r="BPD23" s="61"/>
      <c r="BPE23" s="61"/>
      <c r="BPF23" s="61"/>
      <c r="BPG23" s="61"/>
      <c r="BPH23" s="62"/>
      <c r="BPI23" s="56"/>
      <c r="BPJ23" s="61"/>
      <c r="BPK23" s="61"/>
      <c r="BPL23" s="61"/>
      <c r="BPM23" s="61"/>
      <c r="BPN23" s="62"/>
      <c r="BPO23" s="56"/>
      <c r="BPP23" s="61"/>
      <c r="BPQ23" s="61"/>
      <c r="BPR23" s="61"/>
      <c r="BPS23" s="61"/>
      <c r="BPT23" s="62"/>
      <c r="BPU23" s="56"/>
      <c r="BPV23" s="61"/>
      <c r="BPW23" s="61"/>
      <c r="BPX23" s="61"/>
      <c r="BPY23" s="61"/>
      <c r="BPZ23" s="62"/>
      <c r="BQA23" s="56"/>
      <c r="BQB23" s="61"/>
      <c r="BQC23" s="61"/>
      <c r="BQD23" s="61"/>
      <c r="BQE23" s="61"/>
      <c r="BQF23" s="62"/>
      <c r="BQG23" s="56"/>
      <c r="BQH23" s="61"/>
      <c r="BQI23" s="61"/>
      <c r="BQJ23" s="61"/>
      <c r="BQK23" s="61"/>
      <c r="BQL23" s="62"/>
      <c r="BQM23" s="56"/>
      <c r="BQN23" s="61"/>
      <c r="BQO23" s="61"/>
      <c r="BQP23" s="61"/>
      <c r="BQQ23" s="61"/>
      <c r="BQR23" s="62"/>
      <c r="BQS23" s="56"/>
      <c r="BQT23" s="61"/>
      <c r="BQU23" s="61"/>
      <c r="BQV23" s="61"/>
      <c r="BQW23" s="61"/>
      <c r="BQX23" s="62"/>
      <c r="BQY23" s="56"/>
      <c r="BQZ23" s="61"/>
      <c r="BRA23" s="61"/>
      <c r="BRB23" s="61"/>
      <c r="BRC23" s="61"/>
      <c r="BRD23" s="62"/>
      <c r="BRE23" s="56"/>
      <c r="BRF23" s="61"/>
      <c r="BRG23" s="61"/>
      <c r="BRH23" s="61"/>
      <c r="BRI23" s="61"/>
      <c r="BRJ23" s="62"/>
      <c r="BRK23" s="56"/>
      <c r="BRL23" s="61"/>
      <c r="BRM23" s="61"/>
      <c r="BRN23" s="61"/>
      <c r="BRO23" s="61"/>
      <c r="BRP23" s="62"/>
      <c r="BRQ23" s="56"/>
      <c r="BRR23" s="61"/>
      <c r="BRS23" s="61"/>
      <c r="BRT23" s="61"/>
      <c r="BRU23" s="61"/>
      <c r="BRV23" s="62"/>
      <c r="BRW23" s="56"/>
      <c r="BRX23" s="61"/>
      <c r="BRY23" s="61"/>
      <c r="BRZ23" s="61"/>
      <c r="BSA23" s="61"/>
      <c r="BSB23" s="62"/>
      <c r="BSC23" s="56"/>
      <c r="BSD23" s="61"/>
      <c r="BSE23" s="61"/>
      <c r="BSF23" s="61"/>
      <c r="BSG23" s="61"/>
      <c r="BSH23" s="62"/>
      <c r="BSI23" s="56"/>
      <c r="BSJ23" s="61"/>
      <c r="BSK23" s="61"/>
      <c r="BSL23" s="61"/>
      <c r="BSM23" s="61"/>
      <c r="BSN23" s="62"/>
      <c r="BSO23" s="56"/>
      <c r="BSP23" s="61"/>
      <c r="BSQ23" s="61"/>
      <c r="BSR23" s="61"/>
      <c r="BSS23" s="61"/>
      <c r="BST23" s="62"/>
      <c r="BSU23" s="56"/>
      <c r="BSV23" s="61"/>
      <c r="BSW23" s="61"/>
      <c r="BSX23" s="61"/>
      <c r="BSY23" s="61"/>
      <c r="BSZ23" s="62"/>
      <c r="BTA23" s="56"/>
      <c r="BTB23" s="61"/>
      <c r="BTC23" s="61"/>
      <c r="BTD23" s="61"/>
      <c r="BTE23" s="61"/>
      <c r="BTF23" s="62"/>
      <c r="BTG23" s="56"/>
      <c r="BTH23" s="61"/>
      <c r="BTI23" s="61"/>
      <c r="BTJ23" s="61"/>
      <c r="BTK23" s="61"/>
      <c r="BTL23" s="62"/>
      <c r="BTM23" s="56"/>
      <c r="BTN23" s="61"/>
      <c r="BTO23" s="61"/>
      <c r="BTP23" s="61"/>
      <c r="BTQ23" s="61"/>
      <c r="BTR23" s="62"/>
      <c r="BTS23" s="56"/>
      <c r="BTT23" s="61"/>
      <c r="BTU23" s="61"/>
      <c r="BTV23" s="61"/>
      <c r="BTW23" s="61"/>
      <c r="BTX23" s="62"/>
      <c r="BTY23" s="56"/>
      <c r="BTZ23" s="61"/>
      <c r="BUA23" s="61"/>
      <c r="BUB23" s="61"/>
      <c r="BUC23" s="61"/>
      <c r="BUD23" s="62"/>
      <c r="BUE23" s="56"/>
      <c r="BUF23" s="61"/>
      <c r="BUG23" s="61"/>
      <c r="BUH23" s="61"/>
      <c r="BUI23" s="61"/>
      <c r="BUJ23" s="62"/>
      <c r="BUK23" s="56"/>
      <c r="BUL23" s="61"/>
      <c r="BUM23" s="61"/>
      <c r="BUN23" s="61"/>
      <c r="BUO23" s="61"/>
      <c r="BUP23" s="62"/>
      <c r="BUQ23" s="56"/>
      <c r="BUR23" s="61"/>
      <c r="BUS23" s="61"/>
      <c r="BUT23" s="61"/>
      <c r="BUU23" s="61"/>
      <c r="BUV23" s="62"/>
      <c r="BUW23" s="56"/>
      <c r="BUX23" s="61"/>
      <c r="BUY23" s="61"/>
      <c r="BUZ23" s="61"/>
      <c r="BVA23" s="61"/>
      <c r="BVB23" s="62"/>
      <c r="BVC23" s="56"/>
      <c r="BVD23" s="61"/>
      <c r="BVE23" s="61"/>
      <c r="BVF23" s="61"/>
      <c r="BVG23" s="61"/>
      <c r="BVH23" s="62"/>
      <c r="BVI23" s="56"/>
      <c r="BVJ23" s="61"/>
      <c r="BVK23" s="61"/>
      <c r="BVL23" s="61"/>
      <c r="BVM23" s="61"/>
      <c r="BVN23" s="62"/>
      <c r="BVO23" s="56"/>
      <c r="BVP23" s="61"/>
      <c r="BVQ23" s="61"/>
      <c r="BVR23" s="61"/>
      <c r="BVS23" s="61"/>
      <c r="BVT23" s="62"/>
      <c r="BVU23" s="56"/>
      <c r="BVV23" s="61"/>
      <c r="BVW23" s="61"/>
      <c r="BVX23" s="61"/>
      <c r="BVY23" s="61"/>
      <c r="BVZ23" s="62"/>
      <c r="BWA23" s="56"/>
      <c r="BWB23" s="61"/>
      <c r="BWC23" s="61"/>
      <c r="BWD23" s="61"/>
      <c r="BWE23" s="61"/>
      <c r="BWF23" s="62"/>
      <c r="BWG23" s="56"/>
      <c r="BWH23" s="61"/>
      <c r="BWI23" s="61"/>
      <c r="BWJ23" s="61"/>
      <c r="BWK23" s="61"/>
      <c r="BWL23" s="62"/>
      <c r="BWM23" s="56"/>
      <c r="BWN23" s="61"/>
      <c r="BWO23" s="61"/>
      <c r="BWP23" s="61"/>
      <c r="BWQ23" s="61"/>
      <c r="BWR23" s="62"/>
      <c r="BWS23" s="56"/>
      <c r="BWT23" s="61"/>
      <c r="BWU23" s="61"/>
      <c r="BWV23" s="61"/>
      <c r="BWW23" s="61"/>
      <c r="BWX23" s="62"/>
      <c r="BWY23" s="56"/>
      <c r="BWZ23" s="61"/>
      <c r="BXA23" s="61"/>
      <c r="BXB23" s="61"/>
      <c r="BXC23" s="61"/>
      <c r="BXD23" s="62"/>
      <c r="BXE23" s="56"/>
      <c r="BXF23" s="61"/>
      <c r="BXG23" s="61"/>
      <c r="BXH23" s="61"/>
      <c r="BXI23" s="61"/>
      <c r="BXJ23" s="62"/>
      <c r="BXK23" s="56"/>
      <c r="BXL23" s="61"/>
      <c r="BXM23" s="61"/>
      <c r="BXN23" s="61"/>
      <c r="BXO23" s="61"/>
      <c r="BXP23" s="62"/>
      <c r="BXQ23" s="56"/>
      <c r="BXR23" s="61"/>
      <c r="BXS23" s="61"/>
      <c r="BXT23" s="61"/>
      <c r="BXU23" s="61"/>
      <c r="BXV23" s="62"/>
      <c r="BXW23" s="56"/>
      <c r="BXX23" s="61"/>
      <c r="BXY23" s="61"/>
      <c r="BXZ23" s="61"/>
      <c r="BYA23" s="61"/>
      <c r="BYB23" s="62"/>
      <c r="BYC23" s="56"/>
      <c r="BYD23" s="61"/>
      <c r="BYE23" s="61"/>
      <c r="BYF23" s="61"/>
      <c r="BYG23" s="61"/>
      <c r="BYH23" s="62"/>
      <c r="BYI23" s="56"/>
      <c r="BYJ23" s="61"/>
      <c r="BYK23" s="61"/>
      <c r="BYL23" s="61"/>
      <c r="BYM23" s="61"/>
      <c r="BYN23" s="62"/>
      <c r="BYO23" s="56"/>
      <c r="BYP23" s="61"/>
      <c r="BYQ23" s="61"/>
      <c r="BYR23" s="61"/>
      <c r="BYS23" s="61"/>
      <c r="BYT23" s="62"/>
      <c r="BYU23" s="56"/>
      <c r="BYV23" s="61"/>
      <c r="BYW23" s="61"/>
      <c r="BYX23" s="61"/>
      <c r="BYY23" s="61"/>
      <c r="BYZ23" s="62"/>
      <c r="BZA23" s="56"/>
      <c r="BZB23" s="61"/>
      <c r="BZC23" s="61"/>
      <c r="BZD23" s="61"/>
      <c r="BZE23" s="61"/>
      <c r="BZF23" s="62"/>
      <c r="BZG23" s="56"/>
      <c r="BZH23" s="61"/>
      <c r="BZI23" s="61"/>
      <c r="BZJ23" s="61"/>
      <c r="BZK23" s="61"/>
      <c r="BZL23" s="62"/>
      <c r="BZM23" s="56"/>
      <c r="BZN23" s="61"/>
      <c r="BZO23" s="61"/>
      <c r="BZP23" s="61"/>
      <c r="BZQ23" s="61"/>
      <c r="BZR23" s="62"/>
      <c r="BZS23" s="56"/>
      <c r="BZT23" s="61"/>
      <c r="BZU23" s="61"/>
      <c r="BZV23" s="61"/>
      <c r="BZW23" s="61"/>
      <c r="BZX23" s="62"/>
      <c r="BZY23" s="56"/>
      <c r="BZZ23" s="61"/>
      <c r="CAA23" s="61"/>
      <c r="CAB23" s="61"/>
      <c r="CAC23" s="61"/>
      <c r="CAD23" s="62"/>
      <c r="CAE23" s="56"/>
      <c r="CAF23" s="61"/>
      <c r="CAG23" s="61"/>
      <c r="CAH23" s="61"/>
      <c r="CAI23" s="61"/>
      <c r="CAJ23" s="62"/>
      <c r="CAK23" s="56"/>
      <c r="CAL23" s="61"/>
      <c r="CAM23" s="61"/>
      <c r="CAN23" s="61"/>
      <c r="CAO23" s="61"/>
      <c r="CAP23" s="62"/>
      <c r="CAQ23" s="56"/>
      <c r="CAR23" s="61"/>
      <c r="CAS23" s="61"/>
      <c r="CAT23" s="61"/>
      <c r="CAU23" s="61"/>
      <c r="CAV23" s="62"/>
      <c r="CAW23" s="56"/>
      <c r="CAX23" s="61"/>
      <c r="CAY23" s="61"/>
      <c r="CAZ23" s="61"/>
      <c r="CBA23" s="61"/>
      <c r="CBB23" s="62"/>
      <c r="CBC23" s="56"/>
      <c r="CBD23" s="61"/>
      <c r="CBE23" s="61"/>
      <c r="CBF23" s="61"/>
      <c r="CBG23" s="61"/>
      <c r="CBH23" s="62"/>
      <c r="CBI23" s="56"/>
      <c r="CBJ23" s="61"/>
      <c r="CBK23" s="61"/>
      <c r="CBL23" s="61"/>
      <c r="CBM23" s="61"/>
      <c r="CBN23" s="62"/>
      <c r="CBO23" s="56"/>
      <c r="CBP23" s="61"/>
      <c r="CBQ23" s="61"/>
      <c r="CBR23" s="61"/>
      <c r="CBS23" s="61"/>
      <c r="CBT23" s="62"/>
      <c r="CBU23" s="56"/>
      <c r="CBV23" s="61"/>
      <c r="CBW23" s="61"/>
      <c r="CBX23" s="61"/>
      <c r="CBY23" s="61"/>
      <c r="CBZ23" s="62"/>
      <c r="CCA23" s="56"/>
      <c r="CCB23" s="61"/>
      <c r="CCC23" s="61"/>
      <c r="CCD23" s="61"/>
      <c r="CCE23" s="61"/>
      <c r="CCF23" s="62"/>
      <c r="CCG23" s="56"/>
      <c r="CCH23" s="61"/>
      <c r="CCI23" s="61"/>
      <c r="CCJ23" s="61"/>
      <c r="CCK23" s="61"/>
      <c r="CCL23" s="62"/>
      <c r="CCM23" s="56"/>
      <c r="CCN23" s="61"/>
      <c r="CCO23" s="61"/>
      <c r="CCP23" s="61"/>
      <c r="CCQ23" s="61"/>
      <c r="CCR23" s="62"/>
      <c r="CCS23" s="56"/>
      <c r="CCT23" s="61"/>
      <c r="CCU23" s="61"/>
      <c r="CCV23" s="61"/>
      <c r="CCW23" s="61"/>
      <c r="CCX23" s="62"/>
      <c r="CCY23" s="56"/>
      <c r="CCZ23" s="61"/>
      <c r="CDA23" s="61"/>
      <c r="CDB23" s="61"/>
      <c r="CDC23" s="61"/>
      <c r="CDD23" s="62"/>
      <c r="CDE23" s="56"/>
      <c r="CDF23" s="61"/>
      <c r="CDG23" s="61"/>
      <c r="CDH23" s="61"/>
      <c r="CDI23" s="61"/>
      <c r="CDJ23" s="62"/>
      <c r="CDK23" s="56"/>
      <c r="CDL23" s="61"/>
      <c r="CDM23" s="61"/>
      <c r="CDN23" s="61"/>
      <c r="CDO23" s="61"/>
      <c r="CDP23" s="62"/>
      <c r="CDQ23" s="56"/>
      <c r="CDR23" s="61"/>
      <c r="CDS23" s="61"/>
      <c r="CDT23" s="61"/>
      <c r="CDU23" s="61"/>
      <c r="CDV23" s="62"/>
      <c r="CDW23" s="56"/>
      <c r="CDX23" s="61"/>
      <c r="CDY23" s="61"/>
      <c r="CDZ23" s="61"/>
      <c r="CEA23" s="61"/>
      <c r="CEB23" s="62"/>
      <c r="CEC23" s="56"/>
      <c r="CED23" s="61"/>
      <c r="CEE23" s="61"/>
      <c r="CEF23" s="61"/>
      <c r="CEG23" s="61"/>
      <c r="CEH23" s="62"/>
      <c r="CEI23" s="56"/>
      <c r="CEJ23" s="61"/>
      <c r="CEK23" s="61"/>
      <c r="CEL23" s="61"/>
      <c r="CEM23" s="61"/>
      <c r="CEN23" s="62"/>
      <c r="CEO23" s="56"/>
      <c r="CEP23" s="61"/>
      <c r="CEQ23" s="61"/>
      <c r="CER23" s="61"/>
      <c r="CES23" s="61"/>
      <c r="CET23" s="62"/>
      <c r="CEU23" s="56"/>
      <c r="CEV23" s="61"/>
      <c r="CEW23" s="61"/>
      <c r="CEX23" s="61"/>
      <c r="CEY23" s="61"/>
      <c r="CEZ23" s="62"/>
      <c r="CFA23" s="56"/>
      <c r="CFB23" s="61"/>
      <c r="CFC23" s="61"/>
      <c r="CFD23" s="61"/>
      <c r="CFE23" s="61"/>
      <c r="CFF23" s="62"/>
      <c r="CFG23" s="56"/>
      <c r="CFH23" s="61"/>
      <c r="CFI23" s="61"/>
      <c r="CFJ23" s="61"/>
      <c r="CFK23" s="61"/>
      <c r="CFL23" s="62"/>
      <c r="CFM23" s="56"/>
      <c r="CFN23" s="61"/>
      <c r="CFO23" s="61"/>
      <c r="CFP23" s="61"/>
      <c r="CFQ23" s="61"/>
      <c r="CFR23" s="62"/>
      <c r="CFS23" s="56"/>
      <c r="CFT23" s="61"/>
      <c r="CFU23" s="61"/>
      <c r="CFV23" s="61"/>
      <c r="CFW23" s="61"/>
      <c r="CFX23" s="62"/>
      <c r="CFY23" s="56"/>
      <c r="CFZ23" s="61"/>
      <c r="CGA23" s="61"/>
      <c r="CGB23" s="61"/>
      <c r="CGC23" s="61"/>
      <c r="CGD23" s="62"/>
      <c r="CGE23" s="56"/>
      <c r="CGF23" s="61"/>
      <c r="CGG23" s="61"/>
      <c r="CGH23" s="61"/>
      <c r="CGI23" s="61"/>
      <c r="CGJ23" s="62"/>
      <c r="CGK23" s="56"/>
      <c r="CGL23" s="61"/>
      <c r="CGM23" s="61"/>
      <c r="CGN23" s="61"/>
      <c r="CGO23" s="61"/>
      <c r="CGP23" s="62"/>
      <c r="CGQ23" s="56"/>
      <c r="CGR23" s="61"/>
      <c r="CGS23" s="61"/>
      <c r="CGT23" s="61"/>
      <c r="CGU23" s="61"/>
      <c r="CGV23" s="62"/>
      <c r="CGW23" s="56"/>
      <c r="CGX23" s="61"/>
      <c r="CGY23" s="61"/>
      <c r="CGZ23" s="61"/>
      <c r="CHA23" s="61"/>
      <c r="CHB23" s="62"/>
      <c r="CHC23" s="56"/>
      <c r="CHD23" s="61"/>
      <c r="CHE23" s="61"/>
      <c r="CHF23" s="61"/>
      <c r="CHG23" s="61"/>
      <c r="CHH23" s="62"/>
      <c r="CHI23" s="56"/>
      <c r="CHJ23" s="61"/>
      <c r="CHK23" s="61"/>
      <c r="CHL23" s="61"/>
      <c r="CHM23" s="61"/>
      <c r="CHN23" s="62"/>
      <c r="CHO23" s="56"/>
      <c r="CHP23" s="61"/>
      <c r="CHQ23" s="61"/>
      <c r="CHR23" s="61"/>
      <c r="CHS23" s="61"/>
      <c r="CHT23" s="62"/>
      <c r="CHU23" s="56"/>
      <c r="CHV23" s="61"/>
      <c r="CHW23" s="61"/>
      <c r="CHX23" s="61"/>
      <c r="CHY23" s="61"/>
      <c r="CHZ23" s="62"/>
      <c r="CIA23" s="56"/>
      <c r="CIB23" s="61"/>
      <c r="CIC23" s="61"/>
      <c r="CID23" s="61"/>
      <c r="CIE23" s="61"/>
      <c r="CIF23" s="62"/>
      <c r="CIG23" s="56"/>
      <c r="CIH23" s="61"/>
      <c r="CII23" s="61"/>
      <c r="CIJ23" s="61"/>
      <c r="CIK23" s="61"/>
      <c r="CIL23" s="62"/>
      <c r="CIM23" s="56"/>
      <c r="CIN23" s="61"/>
      <c r="CIO23" s="61"/>
      <c r="CIP23" s="61"/>
      <c r="CIQ23" s="61"/>
      <c r="CIR23" s="62"/>
      <c r="CIS23" s="56"/>
      <c r="CIT23" s="61"/>
      <c r="CIU23" s="61"/>
      <c r="CIV23" s="61"/>
      <c r="CIW23" s="61"/>
      <c r="CIX23" s="62"/>
      <c r="CIY23" s="56"/>
      <c r="CIZ23" s="61"/>
      <c r="CJA23" s="61"/>
      <c r="CJB23" s="61"/>
      <c r="CJC23" s="61"/>
      <c r="CJD23" s="62"/>
      <c r="CJE23" s="56"/>
      <c r="CJF23" s="61"/>
      <c r="CJG23" s="61"/>
      <c r="CJH23" s="61"/>
      <c r="CJI23" s="61"/>
      <c r="CJJ23" s="62"/>
      <c r="CJK23" s="56"/>
      <c r="CJL23" s="61"/>
      <c r="CJM23" s="61"/>
      <c r="CJN23" s="61"/>
      <c r="CJO23" s="61"/>
      <c r="CJP23" s="62"/>
      <c r="CJQ23" s="56"/>
      <c r="CJR23" s="61"/>
      <c r="CJS23" s="61"/>
      <c r="CJT23" s="61"/>
      <c r="CJU23" s="61"/>
      <c r="CJV23" s="62"/>
      <c r="CJW23" s="56"/>
      <c r="CJX23" s="61"/>
      <c r="CJY23" s="61"/>
      <c r="CJZ23" s="61"/>
      <c r="CKA23" s="61"/>
      <c r="CKB23" s="62"/>
      <c r="CKC23" s="56"/>
      <c r="CKD23" s="61"/>
      <c r="CKE23" s="61"/>
      <c r="CKF23" s="61"/>
      <c r="CKG23" s="61"/>
      <c r="CKH23" s="62"/>
      <c r="CKI23" s="56"/>
      <c r="CKJ23" s="61"/>
      <c r="CKK23" s="61"/>
      <c r="CKL23" s="61"/>
      <c r="CKM23" s="61"/>
      <c r="CKN23" s="62"/>
      <c r="CKO23" s="56"/>
      <c r="CKP23" s="61"/>
      <c r="CKQ23" s="61"/>
      <c r="CKR23" s="61"/>
      <c r="CKS23" s="61"/>
      <c r="CKT23" s="62"/>
      <c r="CKU23" s="56"/>
      <c r="CKV23" s="61"/>
      <c r="CKW23" s="61"/>
      <c r="CKX23" s="61"/>
      <c r="CKY23" s="61"/>
      <c r="CKZ23" s="62"/>
      <c r="CLA23" s="56"/>
      <c r="CLB23" s="61"/>
      <c r="CLC23" s="61"/>
      <c r="CLD23" s="61"/>
      <c r="CLE23" s="61"/>
      <c r="CLF23" s="62"/>
      <c r="CLG23" s="56"/>
      <c r="CLH23" s="61"/>
      <c r="CLI23" s="61"/>
      <c r="CLJ23" s="61"/>
      <c r="CLK23" s="61"/>
      <c r="CLL23" s="62"/>
      <c r="CLM23" s="56"/>
      <c r="CLN23" s="61"/>
      <c r="CLO23" s="61"/>
      <c r="CLP23" s="61"/>
      <c r="CLQ23" s="61"/>
      <c r="CLR23" s="62"/>
      <c r="CLS23" s="56"/>
      <c r="CLT23" s="61"/>
      <c r="CLU23" s="61"/>
      <c r="CLV23" s="61"/>
      <c r="CLW23" s="61"/>
      <c r="CLX23" s="62"/>
      <c r="CLY23" s="56"/>
      <c r="CLZ23" s="61"/>
      <c r="CMA23" s="61"/>
      <c r="CMB23" s="61"/>
      <c r="CMC23" s="61"/>
      <c r="CMD23" s="62"/>
      <c r="CME23" s="56"/>
      <c r="CMF23" s="61"/>
      <c r="CMG23" s="61"/>
      <c r="CMH23" s="61"/>
      <c r="CMI23" s="61"/>
      <c r="CMJ23" s="62"/>
      <c r="CMK23" s="56"/>
      <c r="CML23" s="61"/>
      <c r="CMM23" s="61"/>
      <c r="CMN23" s="61"/>
      <c r="CMO23" s="61"/>
      <c r="CMP23" s="62"/>
      <c r="CMQ23" s="56"/>
      <c r="CMR23" s="61"/>
      <c r="CMS23" s="61"/>
      <c r="CMT23" s="61"/>
      <c r="CMU23" s="61"/>
      <c r="CMV23" s="62"/>
      <c r="CMW23" s="56"/>
      <c r="CMX23" s="61"/>
      <c r="CMY23" s="61"/>
      <c r="CMZ23" s="61"/>
      <c r="CNA23" s="61"/>
      <c r="CNB23" s="62"/>
      <c r="CNC23" s="56"/>
      <c r="CND23" s="61"/>
      <c r="CNE23" s="61"/>
      <c r="CNF23" s="61"/>
      <c r="CNG23" s="61"/>
      <c r="CNH23" s="62"/>
      <c r="CNI23" s="56"/>
      <c r="CNJ23" s="61"/>
      <c r="CNK23" s="61"/>
      <c r="CNL23" s="61"/>
      <c r="CNM23" s="61"/>
      <c r="CNN23" s="62"/>
      <c r="CNO23" s="56"/>
      <c r="CNP23" s="61"/>
      <c r="CNQ23" s="61"/>
      <c r="CNR23" s="61"/>
      <c r="CNS23" s="61"/>
      <c r="CNT23" s="62"/>
      <c r="CNU23" s="56"/>
      <c r="CNV23" s="61"/>
      <c r="CNW23" s="61"/>
      <c r="CNX23" s="61"/>
      <c r="CNY23" s="61"/>
      <c r="CNZ23" s="62"/>
      <c r="COA23" s="56"/>
      <c r="COB23" s="61"/>
      <c r="COC23" s="61"/>
      <c r="COD23" s="61"/>
      <c r="COE23" s="61"/>
      <c r="COF23" s="62"/>
      <c r="COG23" s="56"/>
      <c r="COH23" s="61"/>
      <c r="COI23" s="61"/>
      <c r="COJ23" s="61"/>
      <c r="COK23" s="61"/>
      <c r="COL23" s="62"/>
      <c r="COM23" s="56"/>
      <c r="CON23" s="61"/>
      <c r="COO23" s="61"/>
      <c r="COP23" s="61"/>
      <c r="COQ23" s="61"/>
      <c r="COR23" s="62"/>
      <c r="COS23" s="56"/>
      <c r="COT23" s="61"/>
      <c r="COU23" s="61"/>
      <c r="COV23" s="61"/>
      <c r="COW23" s="61"/>
      <c r="COX23" s="62"/>
      <c r="COY23" s="56"/>
      <c r="COZ23" s="61"/>
      <c r="CPA23" s="61"/>
      <c r="CPB23" s="61"/>
      <c r="CPC23" s="61"/>
      <c r="CPD23" s="62"/>
      <c r="CPE23" s="56"/>
      <c r="CPF23" s="61"/>
      <c r="CPG23" s="61"/>
      <c r="CPH23" s="61"/>
      <c r="CPI23" s="61"/>
      <c r="CPJ23" s="62"/>
      <c r="CPK23" s="56"/>
      <c r="CPL23" s="61"/>
      <c r="CPM23" s="61"/>
      <c r="CPN23" s="61"/>
      <c r="CPO23" s="61"/>
      <c r="CPP23" s="62"/>
      <c r="CPQ23" s="56"/>
      <c r="CPR23" s="61"/>
      <c r="CPS23" s="61"/>
      <c r="CPT23" s="61"/>
      <c r="CPU23" s="61"/>
      <c r="CPV23" s="62"/>
      <c r="CPW23" s="56"/>
      <c r="CPX23" s="61"/>
      <c r="CPY23" s="61"/>
      <c r="CPZ23" s="61"/>
      <c r="CQA23" s="61"/>
      <c r="CQB23" s="62"/>
      <c r="CQC23" s="56"/>
      <c r="CQD23" s="61"/>
      <c r="CQE23" s="61"/>
      <c r="CQF23" s="61"/>
      <c r="CQG23" s="61"/>
      <c r="CQH23" s="62"/>
      <c r="CQI23" s="56"/>
      <c r="CQJ23" s="61"/>
      <c r="CQK23" s="61"/>
      <c r="CQL23" s="61"/>
      <c r="CQM23" s="61"/>
      <c r="CQN23" s="62"/>
      <c r="CQO23" s="56"/>
      <c r="CQP23" s="61"/>
      <c r="CQQ23" s="61"/>
      <c r="CQR23" s="61"/>
      <c r="CQS23" s="61"/>
      <c r="CQT23" s="62"/>
      <c r="CQU23" s="56"/>
      <c r="CQV23" s="61"/>
      <c r="CQW23" s="61"/>
      <c r="CQX23" s="61"/>
      <c r="CQY23" s="61"/>
      <c r="CQZ23" s="62"/>
      <c r="CRA23" s="56"/>
      <c r="CRB23" s="61"/>
      <c r="CRC23" s="61"/>
      <c r="CRD23" s="61"/>
      <c r="CRE23" s="61"/>
      <c r="CRF23" s="62"/>
      <c r="CRG23" s="56"/>
      <c r="CRH23" s="61"/>
      <c r="CRI23" s="61"/>
      <c r="CRJ23" s="61"/>
      <c r="CRK23" s="61"/>
      <c r="CRL23" s="62"/>
      <c r="CRM23" s="56"/>
      <c r="CRN23" s="61"/>
      <c r="CRO23" s="61"/>
      <c r="CRP23" s="61"/>
      <c r="CRQ23" s="61"/>
      <c r="CRR23" s="62"/>
      <c r="CRS23" s="56"/>
      <c r="CRT23" s="61"/>
      <c r="CRU23" s="61"/>
      <c r="CRV23" s="61"/>
      <c r="CRW23" s="61"/>
      <c r="CRX23" s="62"/>
      <c r="CRY23" s="56"/>
      <c r="CRZ23" s="61"/>
      <c r="CSA23" s="61"/>
      <c r="CSB23" s="61"/>
      <c r="CSC23" s="61"/>
      <c r="CSD23" s="62"/>
      <c r="CSE23" s="56"/>
      <c r="CSF23" s="61"/>
      <c r="CSG23" s="61"/>
      <c r="CSH23" s="61"/>
      <c r="CSI23" s="61"/>
      <c r="CSJ23" s="62"/>
      <c r="CSK23" s="56"/>
      <c r="CSL23" s="61"/>
      <c r="CSM23" s="61"/>
      <c r="CSN23" s="61"/>
      <c r="CSO23" s="61"/>
      <c r="CSP23" s="62"/>
      <c r="CSQ23" s="56"/>
      <c r="CSR23" s="61"/>
      <c r="CSS23" s="61"/>
      <c r="CST23" s="61"/>
      <c r="CSU23" s="61"/>
      <c r="CSV23" s="62"/>
      <c r="CSW23" s="56"/>
      <c r="CSX23" s="61"/>
      <c r="CSY23" s="61"/>
      <c r="CSZ23" s="61"/>
      <c r="CTA23" s="61"/>
      <c r="CTB23" s="62"/>
      <c r="CTC23" s="56"/>
      <c r="CTD23" s="61"/>
      <c r="CTE23" s="61"/>
      <c r="CTF23" s="61"/>
      <c r="CTG23" s="61"/>
      <c r="CTH23" s="62"/>
      <c r="CTI23" s="56"/>
      <c r="CTJ23" s="61"/>
      <c r="CTK23" s="61"/>
      <c r="CTL23" s="61"/>
      <c r="CTM23" s="61"/>
      <c r="CTN23" s="62"/>
      <c r="CTO23" s="56"/>
      <c r="CTP23" s="61"/>
      <c r="CTQ23" s="61"/>
      <c r="CTR23" s="61"/>
      <c r="CTS23" s="61"/>
      <c r="CTT23" s="62"/>
      <c r="CTU23" s="56"/>
      <c r="CTV23" s="61"/>
      <c r="CTW23" s="61"/>
      <c r="CTX23" s="61"/>
      <c r="CTY23" s="61"/>
      <c r="CTZ23" s="62"/>
      <c r="CUA23" s="56"/>
      <c r="CUB23" s="61"/>
      <c r="CUC23" s="61"/>
      <c r="CUD23" s="61"/>
      <c r="CUE23" s="61"/>
      <c r="CUF23" s="62"/>
      <c r="CUG23" s="56"/>
      <c r="CUH23" s="61"/>
      <c r="CUI23" s="61"/>
      <c r="CUJ23" s="61"/>
      <c r="CUK23" s="61"/>
      <c r="CUL23" s="62"/>
      <c r="CUM23" s="56"/>
      <c r="CUN23" s="61"/>
      <c r="CUO23" s="61"/>
      <c r="CUP23" s="61"/>
      <c r="CUQ23" s="61"/>
      <c r="CUR23" s="62"/>
      <c r="CUS23" s="56"/>
      <c r="CUT23" s="61"/>
      <c r="CUU23" s="61"/>
      <c r="CUV23" s="61"/>
      <c r="CUW23" s="61"/>
      <c r="CUX23" s="62"/>
      <c r="CUY23" s="56"/>
      <c r="CUZ23" s="61"/>
      <c r="CVA23" s="61"/>
      <c r="CVB23" s="61"/>
      <c r="CVC23" s="61"/>
      <c r="CVD23" s="62"/>
      <c r="CVE23" s="56"/>
      <c r="CVF23" s="61"/>
      <c r="CVG23" s="61"/>
      <c r="CVH23" s="61"/>
      <c r="CVI23" s="61"/>
      <c r="CVJ23" s="62"/>
      <c r="CVK23" s="56"/>
      <c r="CVL23" s="61"/>
      <c r="CVM23" s="61"/>
      <c r="CVN23" s="61"/>
      <c r="CVO23" s="61"/>
      <c r="CVP23" s="62"/>
      <c r="CVQ23" s="56"/>
      <c r="CVR23" s="61"/>
      <c r="CVS23" s="61"/>
      <c r="CVT23" s="61"/>
      <c r="CVU23" s="61"/>
      <c r="CVV23" s="62"/>
      <c r="CVW23" s="56"/>
      <c r="CVX23" s="61"/>
      <c r="CVY23" s="61"/>
      <c r="CVZ23" s="61"/>
      <c r="CWA23" s="61"/>
      <c r="CWB23" s="62"/>
      <c r="CWC23" s="56"/>
      <c r="CWD23" s="61"/>
      <c r="CWE23" s="61"/>
      <c r="CWF23" s="61"/>
      <c r="CWG23" s="61"/>
      <c r="CWH23" s="62"/>
      <c r="CWI23" s="56"/>
      <c r="CWJ23" s="61"/>
      <c r="CWK23" s="61"/>
      <c r="CWL23" s="61"/>
      <c r="CWM23" s="61"/>
      <c r="CWN23" s="62"/>
      <c r="CWO23" s="56"/>
      <c r="CWP23" s="61"/>
      <c r="CWQ23" s="61"/>
      <c r="CWR23" s="61"/>
      <c r="CWS23" s="61"/>
      <c r="CWT23" s="62"/>
      <c r="CWU23" s="56"/>
      <c r="CWV23" s="61"/>
      <c r="CWW23" s="61"/>
      <c r="CWX23" s="61"/>
      <c r="CWY23" s="61"/>
      <c r="CWZ23" s="62"/>
      <c r="CXA23" s="56"/>
      <c r="CXB23" s="61"/>
      <c r="CXC23" s="61"/>
      <c r="CXD23" s="61"/>
      <c r="CXE23" s="61"/>
      <c r="CXF23" s="62"/>
      <c r="CXG23" s="56"/>
      <c r="CXH23" s="61"/>
      <c r="CXI23" s="61"/>
      <c r="CXJ23" s="61"/>
      <c r="CXK23" s="61"/>
      <c r="CXL23" s="62"/>
      <c r="CXM23" s="56"/>
      <c r="CXN23" s="61"/>
      <c r="CXO23" s="61"/>
      <c r="CXP23" s="61"/>
      <c r="CXQ23" s="61"/>
      <c r="CXR23" s="62"/>
      <c r="CXS23" s="56"/>
      <c r="CXT23" s="61"/>
      <c r="CXU23" s="61"/>
      <c r="CXV23" s="61"/>
      <c r="CXW23" s="61"/>
      <c r="CXX23" s="62"/>
      <c r="CXY23" s="56"/>
      <c r="CXZ23" s="61"/>
      <c r="CYA23" s="61"/>
      <c r="CYB23" s="61"/>
      <c r="CYC23" s="61"/>
      <c r="CYD23" s="62"/>
      <c r="CYE23" s="56"/>
      <c r="CYF23" s="61"/>
      <c r="CYG23" s="61"/>
      <c r="CYH23" s="61"/>
      <c r="CYI23" s="61"/>
      <c r="CYJ23" s="62"/>
      <c r="CYK23" s="56"/>
      <c r="CYL23" s="61"/>
      <c r="CYM23" s="61"/>
      <c r="CYN23" s="61"/>
      <c r="CYO23" s="61"/>
      <c r="CYP23" s="62"/>
      <c r="CYQ23" s="56"/>
      <c r="CYR23" s="61"/>
      <c r="CYS23" s="61"/>
      <c r="CYT23" s="61"/>
      <c r="CYU23" s="61"/>
      <c r="CYV23" s="62"/>
      <c r="CYW23" s="56"/>
      <c r="CYX23" s="61"/>
      <c r="CYY23" s="61"/>
      <c r="CYZ23" s="61"/>
      <c r="CZA23" s="61"/>
      <c r="CZB23" s="62"/>
      <c r="CZC23" s="56"/>
      <c r="CZD23" s="61"/>
      <c r="CZE23" s="61"/>
      <c r="CZF23" s="61"/>
      <c r="CZG23" s="61"/>
      <c r="CZH23" s="62"/>
      <c r="CZI23" s="56"/>
      <c r="CZJ23" s="61"/>
      <c r="CZK23" s="61"/>
      <c r="CZL23" s="61"/>
      <c r="CZM23" s="61"/>
      <c r="CZN23" s="62"/>
      <c r="CZO23" s="56"/>
      <c r="CZP23" s="61"/>
      <c r="CZQ23" s="61"/>
      <c r="CZR23" s="61"/>
      <c r="CZS23" s="61"/>
      <c r="CZT23" s="62"/>
      <c r="CZU23" s="56"/>
      <c r="CZV23" s="61"/>
      <c r="CZW23" s="61"/>
      <c r="CZX23" s="61"/>
      <c r="CZY23" s="61"/>
      <c r="CZZ23" s="62"/>
      <c r="DAA23" s="56"/>
      <c r="DAB23" s="61"/>
      <c r="DAC23" s="61"/>
      <c r="DAD23" s="61"/>
      <c r="DAE23" s="61"/>
      <c r="DAF23" s="62"/>
      <c r="DAG23" s="56"/>
      <c r="DAH23" s="61"/>
      <c r="DAI23" s="61"/>
      <c r="DAJ23" s="61"/>
      <c r="DAK23" s="61"/>
      <c r="DAL23" s="62"/>
      <c r="DAM23" s="56"/>
      <c r="DAN23" s="61"/>
      <c r="DAO23" s="61"/>
      <c r="DAP23" s="61"/>
      <c r="DAQ23" s="61"/>
      <c r="DAR23" s="62"/>
      <c r="DAS23" s="56"/>
      <c r="DAT23" s="61"/>
      <c r="DAU23" s="61"/>
      <c r="DAV23" s="61"/>
      <c r="DAW23" s="61"/>
      <c r="DAX23" s="62"/>
      <c r="DAY23" s="56"/>
      <c r="DAZ23" s="61"/>
      <c r="DBA23" s="61"/>
      <c r="DBB23" s="61"/>
      <c r="DBC23" s="61"/>
      <c r="DBD23" s="62"/>
      <c r="DBE23" s="56"/>
      <c r="DBF23" s="61"/>
      <c r="DBG23" s="61"/>
      <c r="DBH23" s="61"/>
      <c r="DBI23" s="61"/>
      <c r="DBJ23" s="62"/>
      <c r="DBK23" s="56"/>
      <c r="DBL23" s="61"/>
      <c r="DBM23" s="61"/>
      <c r="DBN23" s="61"/>
      <c r="DBO23" s="61"/>
      <c r="DBP23" s="62"/>
      <c r="DBQ23" s="56"/>
      <c r="DBR23" s="61"/>
      <c r="DBS23" s="61"/>
      <c r="DBT23" s="61"/>
      <c r="DBU23" s="61"/>
      <c r="DBV23" s="62"/>
      <c r="DBW23" s="56"/>
      <c r="DBX23" s="61"/>
      <c r="DBY23" s="61"/>
      <c r="DBZ23" s="61"/>
      <c r="DCA23" s="61"/>
      <c r="DCB23" s="62"/>
      <c r="DCC23" s="56"/>
      <c r="DCD23" s="61"/>
      <c r="DCE23" s="61"/>
      <c r="DCF23" s="61"/>
      <c r="DCG23" s="61"/>
      <c r="DCH23" s="62"/>
      <c r="DCI23" s="56"/>
      <c r="DCJ23" s="61"/>
      <c r="DCK23" s="61"/>
      <c r="DCL23" s="61"/>
      <c r="DCM23" s="61"/>
      <c r="DCN23" s="62"/>
      <c r="DCO23" s="56"/>
      <c r="DCP23" s="61"/>
      <c r="DCQ23" s="61"/>
      <c r="DCR23" s="61"/>
      <c r="DCS23" s="61"/>
      <c r="DCT23" s="62"/>
      <c r="DCU23" s="56"/>
      <c r="DCV23" s="61"/>
      <c r="DCW23" s="61"/>
      <c r="DCX23" s="61"/>
      <c r="DCY23" s="61"/>
      <c r="DCZ23" s="62"/>
      <c r="DDA23" s="56"/>
      <c r="DDB23" s="61"/>
      <c r="DDC23" s="61"/>
      <c r="DDD23" s="61"/>
      <c r="DDE23" s="61"/>
      <c r="DDF23" s="62"/>
      <c r="DDG23" s="56"/>
      <c r="DDH23" s="61"/>
      <c r="DDI23" s="61"/>
      <c r="DDJ23" s="61"/>
      <c r="DDK23" s="61"/>
      <c r="DDL23" s="62"/>
      <c r="DDM23" s="56"/>
      <c r="DDN23" s="61"/>
      <c r="DDO23" s="61"/>
      <c r="DDP23" s="61"/>
      <c r="DDQ23" s="61"/>
      <c r="DDR23" s="62"/>
      <c r="DDS23" s="56"/>
      <c r="DDT23" s="61"/>
      <c r="DDU23" s="61"/>
      <c r="DDV23" s="61"/>
      <c r="DDW23" s="61"/>
      <c r="DDX23" s="62"/>
      <c r="DDY23" s="56"/>
      <c r="DDZ23" s="61"/>
      <c r="DEA23" s="61"/>
      <c r="DEB23" s="61"/>
      <c r="DEC23" s="61"/>
      <c r="DED23" s="62"/>
      <c r="DEE23" s="56"/>
      <c r="DEF23" s="61"/>
      <c r="DEG23" s="61"/>
      <c r="DEH23" s="61"/>
      <c r="DEI23" s="61"/>
      <c r="DEJ23" s="62"/>
      <c r="DEK23" s="56"/>
      <c r="DEL23" s="61"/>
      <c r="DEM23" s="61"/>
      <c r="DEN23" s="61"/>
      <c r="DEO23" s="61"/>
      <c r="DEP23" s="62"/>
      <c r="DEQ23" s="56"/>
      <c r="DER23" s="61"/>
      <c r="DES23" s="61"/>
      <c r="DET23" s="61"/>
      <c r="DEU23" s="61"/>
      <c r="DEV23" s="62"/>
      <c r="DEW23" s="56"/>
      <c r="DEX23" s="61"/>
      <c r="DEY23" s="61"/>
      <c r="DEZ23" s="61"/>
      <c r="DFA23" s="61"/>
      <c r="DFB23" s="62"/>
      <c r="DFC23" s="56"/>
      <c r="DFD23" s="61"/>
      <c r="DFE23" s="61"/>
      <c r="DFF23" s="61"/>
      <c r="DFG23" s="61"/>
      <c r="DFH23" s="62"/>
      <c r="DFI23" s="56"/>
      <c r="DFJ23" s="61"/>
      <c r="DFK23" s="61"/>
      <c r="DFL23" s="61"/>
      <c r="DFM23" s="61"/>
      <c r="DFN23" s="62"/>
      <c r="DFO23" s="56"/>
      <c r="DFP23" s="61"/>
      <c r="DFQ23" s="61"/>
      <c r="DFR23" s="61"/>
      <c r="DFS23" s="61"/>
      <c r="DFT23" s="62"/>
      <c r="DFU23" s="56"/>
      <c r="DFV23" s="61"/>
      <c r="DFW23" s="61"/>
      <c r="DFX23" s="61"/>
      <c r="DFY23" s="61"/>
      <c r="DFZ23" s="62"/>
      <c r="DGA23" s="56"/>
      <c r="DGB23" s="61"/>
      <c r="DGC23" s="61"/>
      <c r="DGD23" s="61"/>
      <c r="DGE23" s="61"/>
      <c r="DGF23" s="62"/>
      <c r="DGG23" s="56"/>
      <c r="DGH23" s="61"/>
      <c r="DGI23" s="61"/>
      <c r="DGJ23" s="61"/>
      <c r="DGK23" s="61"/>
      <c r="DGL23" s="62"/>
      <c r="DGM23" s="56"/>
      <c r="DGN23" s="61"/>
      <c r="DGO23" s="61"/>
      <c r="DGP23" s="61"/>
      <c r="DGQ23" s="61"/>
      <c r="DGR23" s="62"/>
      <c r="DGS23" s="56"/>
      <c r="DGT23" s="61"/>
      <c r="DGU23" s="61"/>
      <c r="DGV23" s="61"/>
      <c r="DGW23" s="61"/>
      <c r="DGX23" s="62"/>
      <c r="DGY23" s="56"/>
      <c r="DGZ23" s="61"/>
      <c r="DHA23" s="61"/>
      <c r="DHB23" s="61"/>
      <c r="DHC23" s="61"/>
      <c r="DHD23" s="62"/>
      <c r="DHE23" s="56"/>
      <c r="DHF23" s="61"/>
      <c r="DHG23" s="61"/>
      <c r="DHH23" s="61"/>
      <c r="DHI23" s="61"/>
      <c r="DHJ23" s="62"/>
      <c r="DHK23" s="56"/>
      <c r="DHL23" s="61"/>
      <c r="DHM23" s="61"/>
      <c r="DHN23" s="61"/>
      <c r="DHO23" s="61"/>
      <c r="DHP23" s="62"/>
      <c r="DHQ23" s="56"/>
      <c r="DHR23" s="61"/>
      <c r="DHS23" s="61"/>
      <c r="DHT23" s="61"/>
      <c r="DHU23" s="61"/>
      <c r="DHV23" s="62"/>
      <c r="DHW23" s="56"/>
      <c r="DHX23" s="61"/>
      <c r="DHY23" s="61"/>
      <c r="DHZ23" s="61"/>
      <c r="DIA23" s="61"/>
      <c r="DIB23" s="62"/>
      <c r="DIC23" s="56"/>
      <c r="DID23" s="61"/>
      <c r="DIE23" s="61"/>
      <c r="DIF23" s="61"/>
      <c r="DIG23" s="61"/>
      <c r="DIH23" s="62"/>
      <c r="DII23" s="56"/>
      <c r="DIJ23" s="61"/>
      <c r="DIK23" s="61"/>
      <c r="DIL23" s="61"/>
      <c r="DIM23" s="61"/>
      <c r="DIN23" s="62"/>
      <c r="DIO23" s="56"/>
      <c r="DIP23" s="61"/>
      <c r="DIQ23" s="61"/>
      <c r="DIR23" s="61"/>
      <c r="DIS23" s="61"/>
      <c r="DIT23" s="62"/>
      <c r="DIU23" s="56"/>
      <c r="DIV23" s="61"/>
      <c r="DIW23" s="61"/>
      <c r="DIX23" s="61"/>
      <c r="DIY23" s="61"/>
      <c r="DIZ23" s="62"/>
      <c r="DJA23" s="56"/>
      <c r="DJB23" s="61"/>
      <c r="DJC23" s="61"/>
      <c r="DJD23" s="61"/>
      <c r="DJE23" s="61"/>
      <c r="DJF23" s="62"/>
      <c r="DJG23" s="56"/>
      <c r="DJH23" s="61"/>
      <c r="DJI23" s="61"/>
      <c r="DJJ23" s="61"/>
      <c r="DJK23" s="61"/>
      <c r="DJL23" s="62"/>
      <c r="DJM23" s="56"/>
      <c r="DJN23" s="61"/>
      <c r="DJO23" s="61"/>
      <c r="DJP23" s="61"/>
      <c r="DJQ23" s="61"/>
      <c r="DJR23" s="62"/>
      <c r="DJS23" s="56"/>
      <c r="DJT23" s="61"/>
      <c r="DJU23" s="61"/>
      <c r="DJV23" s="61"/>
      <c r="DJW23" s="61"/>
      <c r="DJX23" s="62"/>
      <c r="DJY23" s="56"/>
      <c r="DJZ23" s="61"/>
      <c r="DKA23" s="61"/>
      <c r="DKB23" s="61"/>
      <c r="DKC23" s="61"/>
      <c r="DKD23" s="62"/>
      <c r="DKE23" s="56"/>
      <c r="DKF23" s="61"/>
      <c r="DKG23" s="61"/>
      <c r="DKH23" s="61"/>
      <c r="DKI23" s="61"/>
      <c r="DKJ23" s="62"/>
      <c r="DKK23" s="56"/>
      <c r="DKL23" s="61"/>
      <c r="DKM23" s="61"/>
      <c r="DKN23" s="61"/>
      <c r="DKO23" s="61"/>
      <c r="DKP23" s="62"/>
      <c r="DKQ23" s="56"/>
      <c r="DKR23" s="61"/>
      <c r="DKS23" s="61"/>
      <c r="DKT23" s="61"/>
      <c r="DKU23" s="61"/>
      <c r="DKV23" s="62"/>
      <c r="DKW23" s="56"/>
      <c r="DKX23" s="61"/>
      <c r="DKY23" s="61"/>
      <c r="DKZ23" s="61"/>
      <c r="DLA23" s="61"/>
      <c r="DLB23" s="62"/>
      <c r="DLC23" s="56"/>
      <c r="DLD23" s="61"/>
      <c r="DLE23" s="61"/>
      <c r="DLF23" s="61"/>
      <c r="DLG23" s="61"/>
      <c r="DLH23" s="62"/>
      <c r="DLI23" s="56"/>
      <c r="DLJ23" s="61"/>
      <c r="DLK23" s="61"/>
      <c r="DLL23" s="61"/>
      <c r="DLM23" s="61"/>
      <c r="DLN23" s="62"/>
      <c r="DLO23" s="56"/>
      <c r="DLP23" s="61"/>
      <c r="DLQ23" s="61"/>
      <c r="DLR23" s="61"/>
      <c r="DLS23" s="61"/>
      <c r="DLT23" s="62"/>
      <c r="DLU23" s="56"/>
      <c r="DLV23" s="61"/>
      <c r="DLW23" s="61"/>
      <c r="DLX23" s="61"/>
      <c r="DLY23" s="61"/>
      <c r="DLZ23" s="62"/>
      <c r="DMA23" s="56"/>
      <c r="DMB23" s="61"/>
      <c r="DMC23" s="61"/>
      <c r="DMD23" s="61"/>
      <c r="DME23" s="61"/>
      <c r="DMF23" s="62"/>
      <c r="DMG23" s="56"/>
      <c r="DMH23" s="61"/>
      <c r="DMI23" s="61"/>
      <c r="DMJ23" s="61"/>
      <c r="DMK23" s="61"/>
      <c r="DML23" s="62"/>
      <c r="DMM23" s="56"/>
      <c r="DMN23" s="61"/>
      <c r="DMO23" s="61"/>
      <c r="DMP23" s="61"/>
      <c r="DMQ23" s="61"/>
      <c r="DMR23" s="62"/>
      <c r="DMS23" s="56"/>
      <c r="DMT23" s="61"/>
      <c r="DMU23" s="61"/>
      <c r="DMV23" s="61"/>
      <c r="DMW23" s="61"/>
      <c r="DMX23" s="62"/>
      <c r="DMY23" s="56"/>
      <c r="DMZ23" s="61"/>
      <c r="DNA23" s="61"/>
      <c r="DNB23" s="61"/>
      <c r="DNC23" s="61"/>
      <c r="DND23" s="62"/>
      <c r="DNE23" s="56"/>
      <c r="DNF23" s="61"/>
      <c r="DNG23" s="61"/>
      <c r="DNH23" s="61"/>
      <c r="DNI23" s="61"/>
      <c r="DNJ23" s="62"/>
      <c r="DNK23" s="56"/>
      <c r="DNL23" s="61"/>
      <c r="DNM23" s="61"/>
      <c r="DNN23" s="61"/>
      <c r="DNO23" s="61"/>
      <c r="DNP23" s="62"/>
      <c r="DNQ23" s="56"/>
      <c r="DNR23" s="61"/>
      <c r="DNS23" s="61"/>
      <c r="DNT23" s="61"/>
      <c r="DNU23" s="61"/>
      <c r="DNV23" s="62"/>
      <c r="DNW23" s="56"/>
      <c r="DNX23" s="61"/>
      <c r="DNY23" s="61"/>
      <c r="DNZ23" s="61"/>
      <c r="DOA23" s="61"/>
      <c r="DOB23" s="62"/>
      <c r="DOC23" s="56"/>
      <c r="DOD23" s="61"/>
      <c r="DOE23" s="61"/>
      <c r="DOF23" s="61"/>
      <c r="DOG23" s="61"/>
      <c r="DOH23" s="62"/>
      <c r="DOI23" s="56"/>
      <c r="DOJ23" s="61"/>
      <c r="DOK23" s="61"/>
      <c r="DOL23" s="61"/>
      <c r="DOM23" s="61"/>
      <c r="DON23" s="62"/>
      <c r="DOO23" s="56"/>
      <c r="DOP23" s="61"/>
      <c r="DOQ23" s="61"/>
      <c r="DOR23" s="61"/>
      <c r="DOS23" s="61"/>
      <c r="DOT23" s="62"/>
      <c r="DOU23" s="56"/>
      <c r="DOV23" s="61"/>
      <c r="DOW23" s="61"/>
      <c r="DOX23" s="61"/>
      <c r="DOY23" s="61"/>
      <c r="DOZ23" s="62"/>
      <c r="DPA23" s="56"/>
      <c r="DPB23" s="61"/>
      <c r="DPC23" s="61"/>
      <c r="DPD23" s="61"/>
      <c r="DPE23" s="61"/>
      <c r="DPF23" s="62"/>
      <c r="DPG23" s="56"/>
      <c r="DPH23" s="61"/>
      <c r="DPI23" s="61"/>
      <c r="DPJ23" s="61"/>
      <c r="DPK23" s="61"/>
      <c r="DPL23" s="62"/>
      <c r="DPM23" s="56"/>
      <c r="DPN23" s="61"/>
      <c r="DPO23" s="61"/>
      <c r="DPP23" s="61"/>
      <c r="DPQ23" s="61"/>
      <c r="DPR23" s="62"/>
      <c r="DPS23" s="56"/>
      <c r="DPT23" s="61"/>
      <c r="DPU23" s="61"/>
      <c r="DPV23" s="61"/>
      <c r="DPW23" s="61"/>
      <c r="DPX23" s="62"/>
      <c r="DPY23" s="56"/>
      <c r="DPZ23" s="61"/>
      <c r="DQA23" s="61"/>
      <c r="DQB23" s="61"/>
      <c r="DQC23" s="61"/>
      <c r="DQD23" s="62"/>
      <c r="DQE23" s="56"/>
      <c r="DQF23" s="61"/>
      <c r="DQG23" s="61"/>
      <c r="DQH23" s="61"/>
      <c r="DQI23" s="61"/>
      <c r="DQJ23" s="62"/>
      <c r="DQK23" s="56"/>
      <c r="DQL23" s="61"/>
      <c r="DQM23" s="61"/>
      <c r="DQN23" s="61"/>
      <c r="DQO23" s="61"/>
      <c r="DQP23" s="62"/>
      <c r="DQQ23" s="56"/>
      <c r="DQR23" s="61"/>
      <c r="DQS23" s="61"/>
      <c r="DQT23" s="61"/>
      <c r="DQU23" s="61"/>
      <c r="DQV23" s="62"/>
      <c r="DQW23" s="56"/>
      <c r="DQX23" s="61"/>
      <c r="DQY23" s="61"/>
      <c r="DQZ23" s="61"/>
      <c r="DRA23" s="61"/>
      <c r="DRB23" s="62"/>
      <c r="DRC23" s="56"/>
      <c r="DRD23" s="61"/>
      <c r="DRE23" s="61"/>
      <c r="DRF23" s="61"/>
      <c r="DRG23" s="61"/>
      <c r="DRH23" s="62"/>
      <c r="DRI23" s="56"/>
      <c r="DRJ23" s="61"/>
      <c r="DRK23" s="61"/>
      <c r="DRL23" s="61"/>
      <c r="DRM23" s="61"/>
      <c r="DRN23" s="62"/>
      <c r="DRO23" s="56"/>
      <c r="DRP23" s="61"/>
      <c r="DRQ23" s="61"/>
      <c r="DRR23" s="61"/>
      <c r="DRS23" s="61"/>
      <c r="DRT23" s="62"/>
      <c r="DRU23" s="56"/>
      <c r="DRV23" s="61"/>
      <c r="DRW23" s="61"/>
      <c r="DRX23" s="61"/>
      <c r="DRY23" s="61"/>
      <c r="DRZ23" s="62"/>
      <c r="DSA23" s="56"/>
      <c r="DSB23" s="61"/>
      <c r="DSC23" s="61"/>
      <c r="DSD23" s="61"/>
      <c r="DSE23" s="61"/>
      <c r="DSF23" s="62"/>
      <c r="DSG23" s="56"/>
      <c r="DSH23" s="61"/>
      <c r="DSI23" s="61"/>
      <c r="DSJ23" s="61"/>
      <c r="DSK23" s="61"/>
      <c r="DSL23" s="62"/>
      <c r="DSM23" s="56"/>
      <c r="DSN23" s="61"/>
      <c r="DSO23" s="61"/>
      <c r="DSP23" s="61"/>
      <c r="DSQ23" s="61"/>
      <c r="DSR23" s="62"/>
      <c r="DSS23" s="56"/>
      <c r="DST23" s="61"/>
      <c r="DSU23" s="61"/>
      <c r="DSV23" s="61"/>
      <c r="DSW23" s="61"/>
      <c r="DSX23" s="62"/>
      <c r="DSY23" s="56"/>
      <c r="DSZ23" s="61"/>
      <c r="DTA23" s="61"/>
      <c r="DTB23" s="61"/>
      <c r="DTC23" s="61"/>
      <c r="DTD23" s="62"/>
      <c r="DTE23" s="56"/>
      <c r="DTF23" s="61"/>
      <c r="DTG23" s="61"/>
      <c r="DTH23" s="61"/>
      <c r="DTI23" s="61"/>
      <c r="DTJ23" s="62"/>
      <c r="DTK23" s="56"/>
      <c r="DTL23" s="61"/>
      <c r="DTM23" s="61"/>
      <c r="DTN23" s="61"/>
      <c r="DTO23" s="61"/>
      <c r="DTP23" s="62"/>
      <c r="DTQ23" s="56"/>
      <c r="DTR23" s="61"/>
      <c r="DTS23" s="61"/>
      <c r="DTT23" s="61"/>
      <c r="DTU23" s="61"/>
      <c r="DTV23" s="62"/>
      <c r="DTW23" s="56"/>
      <c r="DTX23" s="61"/>
      <c r="DTY23" s="61"/>
      <c r="DTZ23" s="61"/>
      <c r="DUA23" s="61"/>
      <c r="DUB23" s="62"/>
      <c r="DUC23" s="56"/>
      <c r="DUD23" s="61"/>
      <c r="DUE23" s="61"/>
      <c r="DUF23" s="61"/>
      <c r="DUG23" s="61"/>
      <c r="DUH23" s="62"/>
      <c r="DUI23" s="56"/>
      <c r="DUJ23" s="61"/>
      <c r="DUK23" s="61"/>
      <c r="DUL23" s="61"/>
      <c r="DUM23" s="61"/>
      <c r="DUN23" s="62"/>
      <c r="DUO23" s="56"/>
      <c r="DUP23" s="61"/>
      <c r="DUQ23" s="61"/>
      <c r="DUR23" s="61"/>
      <c r="DUS23" s="61"/>
      <c r="DUT23" s="62"/>
      <c r="DUU23" s="56"/>
      <c r="DUV23" s="61"/>
      <c r="DUW23" s="61"/>
      <c r="DUX23" s="61"/>
      <c r="DUY23" s="61"/>
      <c r="DUZ23" s="62"/>
      <c r="DVA23" s="56"/>
      <c r="DVB23" s="61"/>
      <c r="DVC23" s="61"/>
      <c r="DVD23" s="61"/>
      <c r="DVE23" s="61"/>
      <c r="DVF23" s="62"/>
      <c r="DVG23" s="56"/>
      <c r="DVH23" s="61"/>
      <c r="DVI23" s="61"/>
      <c r="DVJ23" s="61"/>
      <c r="DVK23" s="61"/>
      <c r="DVL23" s="62"/>
      <c r="DVM23" s="56"/>
      <c r="DVN23" s="61"/>
      <c r="DVO23" s="61"/>
      <c r="DVP23" s="61"/>
      <c r="DVQ23" s="61"/>
      <c r="DVR23" s="62"/>
      <c r="DVS23" s="56"/>
      <c r="DVT23" s="61"/>
      <c r="DVU23" s="61"/>
      <c r="DVV23" s="61"/>
      <c r="DVW23" s="61"/>
      <c r="DVX23" s="62"/>
      <c r="DVY23" s="56"/>
      <c r="DVZ23" s="61"/>
      <c r="DWA23" s="61"/>
      <c r="DWB23" s="61"/>
      <c r="DWC23" s="61"/>
      <c r="DWD23" s="62"/>
      <c r="DWE23" s="56"/>
      <c r="DWF23" s="61"/>
      <c r="DWG23" s="61"/>
      <c r="DWH23" s="61"/>
      <c r="DWI23" s="61"/>
      <c r="DWJ23" s="62"/>
      <c r="DWK23" s="56"/>
      <c r="DWL23" s="61"/>
      <c r="DWM23" s="61"/>
      <c r="DWN23" s="61"/>
      <c r="DWO23" s="61"/>
      <c r="DWP23" s="62"/>
      <c r="DWQ23" s="56"/>
      <c r="DWR23" s="61"/>
      <c r="DWS23" s="61"/>
      <c r="DWT23" s="61"/>
      <c r="DWU23" s="61"/>
      <c r="DWV23" s="62"/>
      <c r="DWW23" s="56"/>
      <c r="DWX23" s="61"/>
      <c r="DWY23" s="61"/>
      <c r="DWZ23" s="61"/>
      <c r="DXA23" s="61"/>
      <c r="DXB23" s="62"/>
      <c r="DXC23" s="56"/>
      <c r="DXD23" s="61"/>
      <c r="DXE23" s="61"/>
      <c r="DXF23" s="61"/>
      <c r="DXG23" s="61"/>
      <c r="DXH23" s="62"/>
      <c r="DXI23" s="56"/>
      <c r="DXJ23" s="61"/>
      <c r="DXK23" s="61"/>
      <c r="DXL23" s="61"/>
      <c r="DXM23" s="61"/>
      <c r="DXN23" s="62"/>
      <c r="DXO23" s="56"/>
      <c r="DXP23" s="61"/>
      <c r="DXQ23" s="61"/>
      <c r="DXR23" s="61"/>
      <c r="DXS23" s="61"/>
      <c r="DXT23" s="62"/>
      <c r="DXU23" s="56"/>
      <c r="DXV23" s="61"/>
      <c r="DXW23" s="61"/>
      <c r="DXX23" s="61"/>
      <c r="DXY23" s="61"/>
      <c r="DXZ23" s="62"/>
      <c r="DYA23" s="56"/>
      <c r="DYB23" s="61"/>
      <c r="DYC23" s="61"/>
      <c r="DYD23" s="61"/>
      <c r="DYE23" s="61"/>
      <c r="DYF23" s="62"/>
      <c r="DYG23" s="56"/>
      <c r="DYH23" s="61"/>
      <c r="DYI23" s="61"/>
      <c r="DYJ23" s="61"/>
      <c r="DYK23" s="61"/>
      <c r="DYL23" s="62"/>
      <c r="DYM23" s="56"/>
      <c r="DYN23" s="61"/>
      <c r="DYO23" s="61"/>
      <c r="DYP23" s="61"/>
      <c r="DYQ23" s="61"/>
      <c r="DYR23" s="62"/>
      <c r="DYS23" s="56"/>
      <c r="DYT23" s="61"/>
      <c r="DYU23" s="61"/>
      <c r="DYV23" s="61"/>
      <c r="DYW23" s="61"/>
      <c r="DYX23" s="62"/>
      <c r="DYY23" s="56"/>
      <c r="DYZ23" s="61"/>
      <c r="DZA23" s="61"/>
      <c r="DZB23" s="61"/>
      <c r="DZC23" s="61"/>
      <c r="DZD23" s="62"/>
      <c r="DZE23" s="56"/>
      <c r="DZF23" s="61"/>
      <c r="DZG23" s="61"/>
      <c r="DZH23" s="61"/>
      <c r="DZI23" s="61"/>
      <c r="DZJ23" s="62"/>
      <c r="DZK23" s="56"/>
      <c r="DZL23" s="61"/>
      <c r="DZM23" s="61"/>
      <c r="DZN23" s="61"/>
      <c r="DZO23" s="61"/>
      <c r="DZP23" s="62"/>
      <c r="DZQ23" s="56"/>
      <c r="DZR23" s="61"/>
      <c r="DZS23" s="61"/>
      <c r="DZT23" s="61"/>
      <c r="DZU23" s="61"/>
      <c r="DZV23" s="62"/>
      <c r="DZW23" s="56"/>
      <c r="DZX23" s="61"/>
      <c r="DZY23" s="61"/>
      <c r="DZZ23" s="61"/>
      <c r="EAA23" s="61"/>
      <c r="EAB23" s="62"/>
      <c r="EAC23" s="56"/>
      <c r="EAD23" s="61"/>
      <c r="EAE23" s="61"/>
      <c r="EAF23" s="61"/>
      <c r="EAG23" s="61"/>
      <c r="EAH23" s="62"/>
      <c r="EAI23" s="56"/>
      <c r="EAJ23" s="61"/>
      <c r="EAK23" s="61"/>
      <c r="EAL23" s="61"/>
      <c r="EAM23" s="61"/>
      <c r="EAN23" s="62"/>
      <c r="EAO23" s="56"/>
      <c r="EAP23" s="61"/>
      <c r="EAQ23" s="61"/>
      <c r="EAR23" s="61"/>
      <c r="EAS23" s="61"/>
      <c r="EAT23" s="62"/>
      <c r="EAU23" s="56"/>
      <c r="EAV23" s="61"/>
      <c r="EAW23" s="61"/>
      <c r="EAX23" s="61"/>
      <c r="EAY23" s="61"/>
      <c r="EAZ23" s="62"/>
      <c r="EBA23" s="56"/>
      <c r="EBB23" s="61"/>
      <c r="EBC23" s="61"/>
      <c r="EBD23" s="61"/>
      <c r="EBE23" s="61"/>
      <c r="EBF23" s="62"/>
      <c r="EBG23" s="56"/>
      <c r="EBH23" s="61"/>
      <c r="EBI23" s="61"/>
      <c r="EBJ23" s="61"/>
      <c r="EBK23" s="61"/>
      <c r="EBL23" s="62"/>
      <c r="EBM23" s="56"/>
      <c r="EBN23" s="61"/>
      <c r="EBO23" s="61"/>
      <c r="EBP23" s="61"/>
      <c r="EBQ23" s="61"/>
      <c r="EBR23" s="62"/>
      <c r="EBS23" s="56"/>
      <c r="EBT23" s="61"/>
      <c r="EBU23" s="61"/>
      <c r="EBV23" s="61"/>
      <c r="EBW23" s="61"/>
      <c r="EBX23" s="62"/>
      <c r="EBY23" s="56"/>
      <c r="EBZ23" s="61"/>
      <c r="ECA23" s="61"/>
      <c r="ECB23" s="61"/>
      <c r="ECC23" s="61"/>
      <c r="ECD23" s="62"/>
      <c r="ECE23" s="56"/>
      <c r="ECF23" s="61"/>
      <c r="ECG23" s="61"/>
      <c r="ECH23" s="61"/>
      <c r="ECI23" s="61"/>
      <c r="ECJ23" s="62"/>
      <c r="ECK23" s="56"/>
      <c r="ECL23" s="61"/>
      <c r="ECM23" s="61"/>
      <c r="ECN23" s="61"/>
      <c r="ECO23" s="61"/>
      <c r="ECP23" s="62"/>
      <c r="ECQ23" s="56"/>
      <c r="ECR23" s="61"/>
      <c r="ECS23" s="61"/>
      <c r="ECT23" s="61"/>
      <c r="ECU23" s="61"/>
      <c r="ECV23" s="62"/>
      <c r="ECW23" s="56"/>
      <c r="ECX23" s="61"/>
      <c r="ECY23" s="61"/>
      <c r="ECZ23" s="61"/>
      <c r="EDA23" s="61"/>
      <c r="EDB23" s="62"/>
      <c r="EDC23" s="56"/>
      <c r="EDD23" s="61"/>
      <c r="EDE23" s="61"/>
      <c r="EDF23" s="61"/>
      <c r="EDG23" s="61"/>
      <c r="EDH23" s="62"/>
      <c r="EDI23" s="56"/>
      <c r="EDJ23" s="61"/>
      <c r="EDK23" s="61"/>
      <c r="EDL23" s="61"/>
      <c r="EDM23" s="61"/>
      <c r="EDN23" s="62"/>
      <c r="EDO23" s="56"/>
      <c r="EDP23" s="61"/>
      <c r="EDQ23" s="61"/>
      <c r="EDR23" s="61"/>
      <c r="EDS23" s="61"/>
      <c r="EDT23" s="62"/>
      <c r="EDU23" s="56"/>
      <c r="EDV23" s="61"/>
      <c r="EDW23" s="61"/>
      <c r="EDX23" s="61"/>
      <c r="EDY23" s="61"/>
      <c r="EDZ23" s="62"/>
      <c r="EEA23" s="56"/>
      <c r="EEB23" s="61"/>
      <c r="EEC23" s="61"/>
      <c r="EED23" s="61"/>
      <c r="EEE23" s="61"/>
      <c r="EEF23" s="62"/>
      <c r="EEG23" s="56"/>
      <c r="EEH23" s="61"/>
      <c r="EEI23" s="61"/>
      <c r="EEJ23" s="61"/>
      <c r="EEK23" s="61"/>
      <c r="EEL23" s="62"/>
      <c r="EEM23" s="56"/>
      <c r="EEN23" s="61"/>
      <c r="EEO23" s="61"/>
      <c r="EEP23" s="61"/>
      <c r="EEQ23" s="61"/>
      <c r="EER23" s="62"/>
      <c r="EES23" s="56"/>
      <c r="EET23" s="61"/>
      <c r="EEU23" s="61"/>
      <c r="EEV23" s="61"/>
      <c r="EEW23" s="61"/>
      <c r="EEX23" s="62"/>
      <c r="EEY23" s="56"/>
      <c r="EEZ23" s="61"/>
      <c r="EFA23" s="61"/>
      <c r="EFB23" s="61"/>
      <c r="EFC23" s="61"/>
      <c r="EFD23" s="62"/>
      <c r="EFE23" s="56"/>
      <c r="EFF23" s="61"/>
      <c r="EFG23" s="61"/>
      <c r="EFH23" s="61"/>
      <c r="EFI23" s="61"/>
      <c r="EFJ23" s="62"/>
      <c r="EFK23" s="56"/>
      <c r="EFL23" s="61"/>
      <c r="EFM23" s="61"/>
      <c r="EFN23" s="61"/>
      <c r="EFO23" s="61"/>
      <c r="EFP23" s="62"/>
      <c r="EFQ23" s="56"/>
      <c r="EFR23" s="61"/>
      <c r="EFS23" s="61"/>
      <c r="EFT23" s="61"/>
      <c r="EFU23" s="61"/>
      <c r="EFV23" s="62"/>
      <c r="EFW23" s="56"/>
      <c r="EFX23" s="61"/>
      <c r="EFY23" s="61"/>
      <c r="EFZ23" s="61"/>
      <c r="EGA23" s="61"/>
      <c r="EGB23" s="62"/>
      <c r="EGC23" s="56"/>
      <c r="EGD23" s="61"/>
      <c r="EGE23" s="61"/>
      <c r="EGF23" s="61"/>
      <c r="EGG23" s="61"/>
      <c r="EGH23" s="62"/>
      <c r="EGI23" s="56"/>
      <c r="EGJ23" s="61"/>
      <c r="EGK23" s="61"/>
      <c r="EGL23" s="61"/>
      <c r="EGM23" s="61"/>
      <c r="EGN23" s="62"/>
      <c r="EGO23" s="56"/>
      <c r="EGP23" s="61"/>
      <c r="EGQ23" s="61"/>
      <c r="EGR23" s="61"/>
      <c r="EGS23" s="61"/>
      <c r="EGT23" s="62"/>
      <c r="EGU23" s="56"/>
      <c r="EGV23" s="61"/>
      <c r="EGW23" s="61"/>
      <c r="EGX23" s="61"/>
      <c r="EGY23" s="61"/>
      <c r="EGZ23" s="62"/>
      <c r="EHA23" s="56"/>
      <c r="EHB23" s="61"/>
      <c r="EHC23" s="61"/>
      <c r="EHD23" s="61"/>
      <c r="EHE23" s="61"/>
      <c r="EHF23" s="62"/>
      <c r="EHG23" s="56"/>
      <c r="EHH23" s="61"/>
      <c r="EHI23" s="61"/>
      <c r="EHJ23" s="61"/>
      <c r="EHK23" s="61"/>
      <c r="EHL23" s="62"/>
      <c r="EHM23" s="56"/>
      <c r="EHN23" s="61"/>
      <c r="EHO23" s="61"/>
      <c r="EHP23" s="61"/>
      <c r="EHQ23" s="61"/>
      <c r="EHR23" s="62"/>
      <c r="EHS23" s="56"/>
      <c r="EHT23" s="61"/>
      <c r="EHU23" s="61"/>
      <c r="EHV23" s="61"/>
      <c r="EHW23" s="61"/>
      <c r="EHX23" s="62"/>
      <c r="EHY23" s="56"/>
      <c r="EHZ23" s="61"/>
      <c r="EIA23" s="61"/>
      <c r="EIB23" s="61"/>
      <c r="EIC23" s="61"/>
      <c r="EID23" s="62"/>
      <c r="EIE23" s="56"/>
      <c r="EIF23" s="61"/>
      <c r="EIG23" s="61"/>
      <c r="EIH23" s="61"/>
      <c r="EII23" s="61"/>
      <c r="EIJ23" s="62"/>
      <c r="EIK23" s="56"/>
      <c r="EIL23" s="61"/>
      <c r="EIM23" s="61"/>
      <c r="EIN23" s="61"/>
      <c r="EIO23" s="61"/>
      <c r="EIP23" s="62"/>
      <c r="EIQ23" s="56"/>
      <c r="EIR23" s="61"/>
      <c r="EIS23" s="61"/>
      <c r="EIT23" s="61"/>
      <c r="EIU23" s="61"/>
      <c r="EIV23" s="62"/>
      <c r="EIW23" s="56"/>
      <c r="EIX23" s="61"/>
      <c r="EIY23" s="61"/>
      <c r="EIZ23" s="61"/>
      <c r="EJA23" s="61"/>
      <c r="EJB23" s="62"/>
      <c r="EJC23" s="56"/>
      <c r="EJD23" s="61"/>
      <c r="EJE23" s="61"/>
      <c r="EJF23" s="61"/>
      <c r="EJG23" s="61"/>
      <c r="EJH23" s="62"/>
      <c r="EJI23" s="56"/>
      <c r="EJJ23" s="61"/>
      <c r="EJK23" s="61"/>
      <c r="EJL23" s="61"/>
      <c r="EJM23" s="61"/>
      <c r="EJN23" s="62"/>
      <c r="EJO23" s="56"/>
      <c r="EJP23" s="61"/>
      <c r="EJQ23" s="61"/>
      <c r="EJR23" s="61"/>
      <c r="EJS23" s="61"/>
      <c r="EJT23" s="62"/>
      <c r="EJU23" s="56"/>
      <c r="EJV23" s="61"/>
      <c r="EJW23" s="61"/>
      <c r="EJX23" s="61"/>
      <c r="EJY23" s="61"/>
      <c r="EJZ23" s="62"/>
      <c r="EKA23" s="56"/>
      <c r="EKB23" s="61"/>
      <c r="EKC23" s="61"/>
      <c r="EKD23" s="61"/>
      <c r="EKE23" s="61"/>
      <c r="EKF23" s="62"/>
      <c r="EKG23" s="56"/>
      <c r="EKH23" s="61"/>
      <c r="EKI23" s="61"/>
      <c r="EKJ23" s="61"/>
      <c r="EKK23" s="61"/>
      <c r="EKL23" s="62"/>
      <c r="EKM23" s="56"/>
      <c r="EKN23" s="61"/>
      <c r="EKO23" s="61"/>
      <c r="EKP23" s="61"/>
      <c r="EKQ23" s="61"/>
      <c r="EKR23" s="62"/>
      <c r="EKS23" s="56"/>
      <c r="EKT23" s="61"/>
      <c r="EKU23" s="61"/>
      <c r="EKV23" s="61"/>
      <c r="EKW23" s="61"/>
      <c r="EKX23" s="62"/>
      <c r="EKY23" s="56"/>
      <c r="EKZ23" s="61"/>
      <c r="ELA23" s="61"/>
      <c r="ELB23" s="61"/>
      <c r="ELC23" s="61"/>
      <c r="ELD23" s="62"/>
      <c r="ELE23" s="56"/>
      <c r="ELF23" s="61"/>
      <c r="ELG23" s="61"/>
      <c r="ELH23" s="61"/>
      <c r="ELI23" s="61"/>
      <c r="ELJ23" s="62"/>
      <c r="ELK23" s="56"/>
      <c r="ELL23" s="61"/>
      <c r="ELM23" s="61"/>
      <c r="ELN23" s="61"/>
      <c r="ELO23" s="61"/>
      <c r="ELP23" s="62"/>
      <c r="ELQ23" s="56"/>
      <c r="ELR23" s="61"/>
      <c r="ELS23" s="61"/>
      <c r="ELT23" s="61"/>
      <c r="ELU23" s="61"/>
      <c r="ELV23" s="62"/>
      <c r="ELW23" s="56"/>
      <c r="ELX23" s="61"/>
      <c r="ELY23" s="61"/>
      <c r="ELZ23" s="61"/>
      <c r="EMA23" s="61"/>
      <c r="EMB23" s="62"/>
      <c r="EMC23" s="56"/>
      <c r="EMD23" s="61"/>
      <c r="EME23" s="61"/>
      <c r="EMF23" s="61"/>
      <c r="EMG23" s="61"/>
      <c r="EMH23" s="62"/>
      <c r="EMI23" s="56"/>
      <c r="EMJ23" s="61"/>
      <c r="EMK23" s="61"/>
      <c r="EML23" s="61"/>
      <c r="EMM23" s="61"/>
      <c r="EMN23" s="62"/>
      <c r="EMO23" s="56"/>
      <c r="EMP23" s="61"/>
      <c r="EMQ23" s="61"/>
      <c r="EMR23" s="61"/>
      <c r="EMS23" s="61"/>
      <c r="EMT23" s="62"/>
      <c r="EMU23" s="56"/>
      <c r="EMV23" s="61"/>
      <c r="EMW23" s="61"/>
      <c r="EMX23" s="61"/>
      <c r="EMY23" s="61"/>
      <c r="EMZ23" s="62"/>
      <c r="ENA23" s="56"/>
      <c r="ENB23" s="61"/>
      <c r="ENC23" s="61"/>
      <c r="END23" s="61"/>
      <c r="ENE23" s="61"/>
      <c r="ENF23" s="62"/>
      <c r="ENG23" s="56"/>
      <c r="ENH23" s="61"/>
      <c r="ENI23" s="61"/>
      <c r="ENJ23" s="61"/>
      <c r="ENK23" s="61"/>
      <c r="ENL23" s="62"/>
      <c r="ENM23" s="56"/>
      <c r="ENN23" s="61"/>
      <c r="ENO23" s="61"/>
      <c r="ENP23" s="61"/>
      <c r="ENQ23" s="61"/>
      <c r="ENR23" s="62"/>
      <c r="ENS23" s="56"/>
      <c r="ENT23" s="61"/>
      <c r="ENU23" s="61"/>
      <c r="ENV23" s="61"/>
      <c r="ENW23" s="61"/>
      <c r="ENX23" s="62"/>
      <c r="ENY23" s="56"/>
      <c r="ENZ23" s="61"/>
      <c r="EOA23" s="61"/>
      <c r="EOB23" s="61"/>
      <c r="EOC23" s="61"/>
      <c r="EOD23" s="62"/>
      <c r="EOE23" s="56"/>
      <c r="EOF23" s="61"/>
      <c r="EOG23" s="61"/>
      <c r="EOH23" s="61"/>
      <c r="EOI23" s="61"/>
      <c r="EOJ23" s="62"/>
      <c r="EOK23" s="56"/>
      <c r="EOL23" s="61"/>
      <c r="EOM23" s="61"/>
      <c r="EON23" s="61"/>
      <c r="EOO23" s="61"/>
      <c r="EOP23" s="62"/>
      <c r="EOQ23" s="56"/>
      <c r="EOR23" s="61"/>
      <c r="EOS23" s="61"/>
      <c r="EOT23" s="61"/>
      <c r="EOU23" s="61"/>
      <c r="EOV23" s="62"/>
      <c r="EOW23" s="56"/>
      <c r="EOX23" s="61"/>
      <c r="EOY23" s="61"/>
      <c r="EOZ23" s="61"/>
      <c r="EPA23" s="61"/>
      <c r="EPB23" s="62"/>
      <c r="EPC23" s="56"/>
      <c r="EPD23" s="61"/>
      <c r="EPE23" s="61"/>
      <c r="EPF23" s="61"/>
      <c r="EPG23" s="61"/>
      <c r="EPH23" s="62"/>
      <c r="EPI23" s="56"/>
      <c r="EPJ23" s="61"/>
      <c r="EPK23" s="61"/>
      <c r="EPL23" s="61"/>
      <c r="EPM23" s="61"/>
      <c r="EPN23" s="62"/>
      <c r="EPO23" s="56"/>
      <c r="EPP23" s="61"/>
      <c r="EPQ23" s="61"/>
      <c r="EPR23" s="61"/>
      <c r="EPS23" s="61"/>
      <c r="EPT23" s="62"/>
      <c r="EPU23" s="56"/>
      <c r="EPV23" s="61"/>
      <c r="EPW23" s="61"/>
      <c r="EPX23" s="61"/>
      <c r="EPY23" s="61"/>
      <c r="EPZ23" s="62"/>
      <c r="EQA23" s="56"/>
      <c r="EQB23" s="61"/>
      <c r="EQC23" s="61"/>
      <c r="EQD23" s="61"/>
      <c r="EQE23" s="61"/>
      <c r="EQF23" s="62"/>
      <c r="EQG23" s="56"/>
      <c r="EQH23" s="61"/>
      <c r="EQI23" s="61"/>
      <c r="EQJ23" s="61"/>
      <c r="EQK23" s="61"/>
      <c r="EQL23" s="62"/>
      <c r="EQM23" s="56"/>
      <c r="EQN23" s="61"/>
      <c r="EQO23" s="61"/>
      <c r="EQP23" s="61"/>
      <c r="EQQ23" s="61"/>
      <c r="EQR23" s="62"/>
      <c r="EQS23" s="56"/>
      <c r="EQT23" s="61"/>
      <c r="EQU23" s="61"/>
      <c r="EQV23" s="61"/>
      <c r="EQW23" s="61"/>
      <c r="EQX23" s="62"/>
      <c r="EQY23" s="56"/>
      <c r="EQZ23" s="61"/>
      <c r="ERA23" s="61"/>
      <c r="ERB23" s="61"/>
      <c r="ERC23" s="61"/>
      <c r="ERD23" s="62"/>
      <c r="ERE23" s="56"/>
      <c r="ERF23" s="61"/>
      <c r="ERG23" s="61"/>
      <c r="ERH23" s="61"/>
      <c r="ERI23" s="61"/>
      <c r="ERJ23" s="62"/>
      <c r="ERK23" s="56"/>
      <c r="ERL23" s="61"/>
      <c r="ERM23" s="61"/>
      <c r="ERN23" s="61"/>
      <c r="ERO23" s="61"/>
      <c r="ERP23" s="62"/>
      <c r="ERQ23" s="56"/>
      <c r="ERR23" s="61"/>
      <c r="ERS23" s="61"/>
      <c r="ERT23" s="61"/>
      <c r="ERU23" s="61"/>
      <c r="ERV23" s="62"/>
      <c r="ERW23" s="56"/>
      <c r="ERX23" s="61"/>
      <c r="ERY23" s="61"/>
      <c r="ERZ23" s="61"/>
      <c r="ESA23" s="61"/>
      <c r="ESB23" s="62"/>
      <c r="ESC23" s="56"/>
      <c r="ESD23" s="61"/>
      <c r="ESE23" s="61"/>
      <c r="ESF23" s="61"/>
      <c r="ESG23" s="61"/>
      <c r="ESH23" s="62"/>
      <c r="ESI23" s="56"/>
      <c r="ESJ23" s="61"/>
      <c r="ESK23" s="61"/>
      <c r="ESL23" s="61"/>
      <c r="ESM23" s="61"/>
      <c r="ESN23" s="62"/>
      <c r="ESO23" s="56"/>
      <c r="ESP23" s="61"/>
      <c r="ESQ23" s="61"/>
      <c r="ESR23" s="61"/>
      <c r="ESS23" s="61"/>
      <c r="EST23" s="62"/>
      <c r="ESU23" s="56"/>
      <c r="ESV23" s="61"/>
      <c r="ESW23" s="61"/>
      <c r="ESX23" s="61"/>
      <c r="ESY23" s="61"/>
      <c r="ESZ23" s="62"/>
      <c r="ETA23" s="56"/>
      <c r="ETB23" s="61"/>
      <c r="ETC23" s="61"/>
      <c r="ETD23" s="61"/>
      <c r="ETE23" s="61"/>
      <c r="ETF23" s="62"/>
      <c r="ETG23" s="56"/>
      <c r="ETH23" s="61"/>
      <c r="ETI23" s="61"/>
      <c r="ETJ23" s="61"/>
      <c r="ETK23" s="61"/>
      <c r="ETL23" s="62"/>
      <c r="ETM23" s="56"/>
      <c r="ETN23" s="61"/>
      <c r="ETO23" s="61"/>
      <c r="ETP23" s="61"/>
      <c r="ETQ23" s="61"/>
      <c r="ETR23" s="62"/>
      <c r="ETS23" s="56"/>
      <c r="ETT23" s="61"/>
      <c r="ETU23" s="61"/>
      <c r="ETV23" s="61"/>
      <c r="ETW23" s="61"/>
      <c r="ETX23" s="62"/>
      <c r="ETY23" s="56"/>
      <c r="ETZ23" s="61"/>
      <c r="EUA23" s="61"/>
      <c r="EUB23" s="61"/>
      <c r="EUC23" s="61"/>
      <c r="EUD23" s="62"/>
      <c r="EUE23" s="56"/>
      <c r="EUF23" s="61"/>
      <c r="EUG23" s="61"/>
      <c r="EUH23" s="61"/>
      <c r="EUI23" s="61"/>
      <c r="EUJ23" s="62"/>
      <c r="EUK23" s="56"/>
      <c r="EUL23" s="61"/>
      <c r="EUM23" s="61"/>
      <c r="EUN23" s="61"/>
      <c r="EUO23" s="61"/>
      <c r="EUP23" s="62"/>
      <c r="EUQ23" s="56"/>
      <c r="EUR23" s="61"/>
      <c r="EUS23" s="61"/>
      <c r="EUT23" s="61"/>
      <c r="EUU23" s="61"/>
      <c r="EUV23" s="62"/>
      <c r="EUW23" s="56"/>
      <c r="EUX23" s="61"/>
      <c r="EUY23" s="61"/>
      <c r="EUZ23" s="61"/>
      <c r="EVA23" s="61"/>
      <c r="EVB23" s="62"/>
      <c r="EVC23" s="56"/>
      <c r="EVD23" s="61"/>
      <c r="EVE23" s="61"/>
      <c r="EVF23" s="61"/>
      <c r="EVG23" s="61"/>
      <c r="EVH23" s="62"/>
      <c r="EVI23" s="56"/>
      <c r="EVJ23" s="61"/>
      <c r="EVK23" s="61"/>
      <c r="EVL23" s="61"/>
      <c r="EVM23" s="61"/>
      <c r="EVN23" s="62"/>
      <c r="EVO23" s="56"/>
      <c r="EVP23" s="61"/>
      <c r="EVQ23" s="61"/>
      <c r="EVR23" s="61"/>
      <c r="EVS23" s="61"/>
      <c r="EVT23" s="62"/>
      <c r="EVU23" s="56"/>
      <c r="EVV23" s="61"/>
      <c r="EVW23" s="61"/>
      <c r="EVX23" s="61"/>
      <c r="EVY23" s="61"/>
      <c r="EVZ23" s="62"/>
      <c r="EWA23" s="56"/>
      <c r="EWB23" s="61"/>
      <c r="EWC23" s="61"/>
      <c r="EWD23" s="61"/>
      <c r="EWE23" s="61"/>
      <c r="EWF23" s="62"/>
      <c r="EWG23" s="56"/>
      <c r="EWH23" s="61"/>
      <c r="EWI23" s="61"/>
      <c r="EWJ23" s="61"/>
      <c r="EWK23" s="61"/>
      <c r="EWL23" s="62"/>
      <c r="EWM23" s="56"/>
      <c r="EWN23" s="61"/>
      <c r="EWO23" s="61"/>
      <c r="EWP23" s="61"/>
      <c r="EWQ23" s="61"/>
      <c r="EWR23" s="62"/>
      <c r="EWS23" s="56"/>
      <c r="EWT23" s="61"/>
      <c r="EWU23" s="61"/>
      <c r="EWV23" s="61"/>
      <c r="EWW23" s="61"/>
      <c r="EWX23" s="62"/>
      <c r="EWY23" s="56"/>
      <c r="EWZ23" s="61"/>
      <c r="EXA23" s="61"/>
      <c r="EXB23" s="61"/>
      <c r="EXC23" s="61"/>
      <c r="EXD23" s="62"/>
      <c r="EXE23" s="56"/>
      <c r="EXF23" s="61"/>
      <c r="EXG23" s="61"/>
      <c r="EXH23" s="61"/>
      <c r="EXI23" s="61"/>
      <c r="EXJ23" s="62"/>
      <c r="EXK23" s="56"/>
      <c r="EXL23" s="61"/>
      <c r="EXM23" s="61"/>
      <c r="EXN23" s="61"/>
      <c r="EXO23" s="61"/>
      <c r="EXP23" s="62"/>
      <c r="EXQ23" s="56"/>
      <c r="EXR23" s="61"/>
      <c r="EXS23" s="61"/>
      <c r="EXT23" s="61"/>
      <c r="EXU23" s="61"/>
      <c r="EXV23" s="62"/>
      <c r="EXW23" s="56"/>
      <c r="EXX23" s="61"/>
      <c r="EXY23" s="61"/>
      <c r="EXZ23" s="61"/>
      <c r="EYA23" s="61"/>
      <c r="EYB23" s="62"/>
      <c r="EYC23" s="56"/>
      <c r="EYD23" s="61"/>
      <c r="EYE23" s="61"/>
      <c r="EYF23" s="61"/>
      <c r="EYG23" s="61"/>
      <c r="EYH23" s="62"/>
      <c r="EYI23" s="56"/>
      <c r="EYJ23" s="61"/>
      <c r="EYK23" s="61"/>
      <c r="EYL23" s="61"/>
      <c r="EYM23" s="61"/>
      <c r="EYN23" s="62"/>
      <c r="EYO23" s="56"/>
      <c r="EYP23" s="61"/>
      <c r="EYQ23" s="61"/>
      <c r="EYR23" s="61"/>
      <c r="EYS23" s="61"/>
      <c r="EYT23" s="62"/>
      <c r="EYU23" s="56"/>
      <c r="EYV23" s="61"/>
      <c r="EYW23" s="61"/>
      <c r="EYX23" s="61"/>
      <c r="EYY23" s="61"/>
      <c r="EYZ23" s="62"/>
      <c r="EZA23" s="56"/>
      <c r="EZB23" s="61"/>
      <c r="EZC23" s="61"/>
      <c r="EZD23" s="61"/>
      <c r="EZE23" s="61"/>
      <c r="EZF23" s="62"/>
      <c r="EZG23" s="56"/>
      <c r="EZH23" s="61"/>
      <c r="EZI23" s="61"/>
      <c r="EZJ23" s="61"/>
      <c r="EZK23" s="61"/>
      <c r="EZL23" s="62"/>
      <c r="EZM23" s="56"/>
      <c r="EZN23" s="61"/>
      <c r="EZO23" s="61"/>
      <c r="EZP23" s="61"/>
      <c r="EZQ23" s="61"/>
      <c r="EZR23" s="62"/>
      <c r="EZS23" s="56"/>
      <c r="EZT23" s="61"/>
      <c r="EZU23" s="61"/>
      <c r="EZV23" s="61"/>
      <c r="EZW23" s="61"/>
      <c r="EZX23" s="62"/>
      <c r="EZY23" s="56"/>
      <c r="EZZ23" s="61"/>
      <c r="FAA23" s="61"/>
      <c r="FAB23" s="61"/>
      <c r="FAC23" s="61"/>
      <c r="FAD23" s="62"/>
      <c r="FAE23" s="56"/>
      <c r="FAF23" s="61"/>
      <c r="FAG23" s="61"/>
      <c r="FAH23" s="61"/>
      <c r="FAI23" s="61"/>
      <c r="FAJ23" s="62"/>
      <c r="FAK23" s="56"/>
      <c r="FAL23" s="61"/>
      <c r="FAM23" s="61"/>
      <c r="FAN23" s="61"/>
      <c r="FAO23" s="61"/>
      <c r="FAP23" s="62"/>
      <c r="FAQ23" s="56"/>
      <c r="FAR23" s="61"/>
      <c r="FAS23" s="61"/>
      <c r="FAT23" s="61"/>
      <c r="FAU23" s="61"/>
      <c r="FAV23" s="62"/>
      <c r="FAW23" s="56"/>
      <c r="FAX23" s="61"/>
      <c r="FAY23" s="61"/>
      <c r="FAZ23" s="61"/>
      <c r="FBA23" s="61"/>
      <c r="FBB23" s="62"/>
      <c r="FBC23" s="56"/>
      <c r="FBD23" s="61"/>
      <c r="FBE23" s="61"/>
      <c r="FBF23" s="61"/>
      <c r="FBG23" s="61"/>
      <c r="FBH23" s="62"/>
      <c r="FBI23" s="56"/>
      <c r="FBJ23" s="61"/>
      <c r="FBK23" s="61"/>
      <c r="FBL23" s="61"/>
      <c r="FBM23" s="61"/>
      <c r="FBN23" s="62"/>
      <c r="FBO23" s="56"/>
      <c r="FBP23" s="61"/>
      <c r="FBQ23" s="61"/>
      <c r="FBR23" s="61"/>
      <c r="FBS23" s="61"/>
      <c r="FBT23" s="62"/>
      <c r="FBU23" s="56"/>
      <c r="FBV23" s="61"/>
      <c r="FBW23" s="61"/>
      <c r="FBX23" s="61"/>
      <c r="FBY23" s="61"/>
      <c r="FBZ23" s="62"/>
      <c r="FCA23" s="56"/>
      <c r="FCB23" s="61"/>
      <c r="FCC23" s="61"/>
      <c r="FCD23" s="61"/>
      <c r="FCE23" s="61"/>
      <c r="FCF23" s="62"/>
      <c r="FCG23" s="56"/>
      <c r="FCH23" s="61"/>
      <c r="FCI23" s="61"/>
      <c r="FCJ23" s="61"/>
      <c r="FCK23" s="61"/>
      <c r="FCL23" s="62"/>
      <c r="FCM23" s="56"/>
      <c r="FCN23" s="61"/>
      <c r="FCO23" s="61"/>
      <c r="FCP23" s="61"/>
      <c r="FCQ23" s="61"/>
      <c r="FCR23" s="62"/>
      <c r="FCS23" s="56"/>
      <c r="FCT23" s="61"/>
      <c r="FCU23" s="61"/>
      <c r="FCV23" s="61"/>
      <c r="FCW23" s="61"/>
      <c r="FCX23" s="62"/>
      <c r="FCY23" s="56"/>
      <c r="FCZ23" s="61"/>
      <c r="FDA23" s="61"/>
      <c r="FDB23" s="61"/>
      <c r="FDC23" s="61"/>
      <c r="FDD23" s="62"/>
      <c r="FDE23" s="56"/>
      <c r="FDF23" s="61"/>
      <c r="FDG23" s="61"/>
      <c r="FDH23" s="61"/>
      <c r="FDI23" s="61"/>
      <c r="FDJ23" s="62"/>
      <c r="FDK23" s="56"/>
      <c r="FDL23" s="61"/>
      <c r="FDM23" s="61"/>
      <c r="FDN23" s="61"/>
      <c r="FDO23" s="61"/>
      <c r="FDP23" s="62"/>
      <c r="FDQ23" s="56"/>
      <c r="FDR23" s="61"/>
      <c r="FDS23" s="61"/>
      <c r="FDT23" s="61"/>
      <c r="FDU23" s="61"/>
      <c r="FDV23" s="62"/>
      <c r="FDW23" s="56"/>
      <c r="FDX23" s="61"/>
      <c r="FDY23" s="61"/>
      <c r="FDZ23" s="61"/>
      <c r="FEA23" s="61"/>
      <c r="FEB23" s="62"/>
      <c r="FEC23" s="56"/>
      <c r="FED23" s="61"/>
      <c r="FEE23" s="61"/>
      <c r="FEF23" s="61"/>
      <c r="FEG23" s="61"/>
      <c r="FEH23" s="62"/>
      <c r="FEI23" s="56"/>
      <c r="FEJ23" s="61"/>
      <c r="FEK23" s="61"/>
      <c r="FEL23" s="61"/>
      <c r="FEM23" s="61"/>
      <c r="FEN23" s="62"/>
      <c r="FEO23" s="56"/>
      <c r="FEP23" s="61"/>
      <c r="FEQ23" s="61"/>
      <c r="FER23" s="61"/>
      <c r="FES23" s="61"/>
      <c r="FET23" s="62"/>
      <c r="FEU23" s="56"/>
      <c r="FEV23" s="61"/>
      <c r="FEW23" s="61"/>
      <c r="FEX23" s="61"/>
      <c r="FEY23" s="61"/>
      <c r="FEZ23" s="62"/>
      <c r="FFA23" s="56"/>
      <c r="FFB23" s="61"/>
      <c r="FFC23" s="61"/>
      <c r="FFD23" s="61"/>
      <c r="FFE23" s="61"/>
      <c r="FFF23" s="62"/>
      <c r="FFG23" s="56"/>
      <c r="FFH23" s="61"/>
      <c r="FFI23" s="61"/>
      <c r="FFJ23" s="61"/>
      <c r="FFK23" s="61"/>
      <c r="FFL23" s="62"/>
      <c r="FFM23" s="56"/>
      <c r="FFN23" s="61"/>
      <c r="FFO23" s="61"/>
      <c r="FFP23" s="61"/>
      <c r="FFQ23" s="61"/>
      <c r="FFR23" s="62"/>
      <c r="FFS23" s="56"/>
      <c r="FFT23" s="61"/>
      <c r="FFU23" s="61"/>
      <c r="FFV23" s="61"/>
      <c r="FFW23" s="61"/>
      <c r="FFX23" s="62"/>
      <c r="FFY23" s="56"/>
      <c r="FFZ23" s="61"/>
      <c r="FGA23" s="61"/>
      <c r="FGB23" s="61"/>
      <c r="FGC23" s="61"/>
      <c r="FGD23" s="62"/>
      <c r="FGE23" s="56"/>
      <c r="FGF23" s="61"/>
      <c r="FGG23" s="61"/>
      <c r="FGH23" s="61"/>
      <c r="FGI23" s="61"/>
      <c r="FGJ23" s="62"/>
      <c r="FGK23" s="56"/>
      <c r="FGL23" s="61"/>
      <c r="FGM23" s="61"/>
      <c r="FGN23" s="61"/>
      <c r="FGO23" s="61"/>
      <c r="FGP23" s="62"/>
      <c r="FGQ23" s="56"/>
      <c r="FGR23" s="61"/>
      <c r="FGS23" s="61"/>
      <c r="FGT23" s="61"/>
      <c r="FGU23" s="61"/>
      <c r="FGV23" s="62"/>
      <c r="FGW23" s="56"/>
      <c r="FGX23" s="61"/>
      <c r="FGY23" s="61"/>
      <c r="FGZ23" s="61"/>
      <c r="FHA23" s="61"/>
      <c r="FHB23" s="62"/>
      <c r="FHC23" s="56"/>
      <c r="FHD23" s="61"/>
      <c r="FHE23" s="61"/>
      <c r="FHF23" s="61"/>
      <c r="FHG23" s="61"/>
      <c r="FHH23" s="62"/>
      <c r="FHI23" s="56"/>
      <c r="FHJ23" s="61"/>
      <c r="FHK23" s="61"/>
      <c r="FHL23" s="61"/>
      <c r="FHM23" s="61"/>
      <c r="FHN23" s="62"/>
      <c r="FHO23" s="56"/>
      <c r="FHP23" s="61"/>
      <c r="FHQ23" s="61"/>
      <c r="FHR23" s="61"/>
      <c r="FHS23" s="61"/>
      <c r="FHT23" s="62"/>
      <c r="FHU23" s="56"/>
      <c r="FHV23" s="61"/>
      <c r="FHW23" s="61"/>
      <c r="FHX23" s="61"/>
      <c r="FHY23" s="61"/>
      <c r="FHZ23" s="62"/>
      <c r="FIA23" s="56"/>
      <c r="FIB23" s="61"/>
      <c r="FIC23" s="61"/>
      <c r="FID23" s="61"/>
      <c r="FIE23" s="61"/>
      <c r="FIF23" s="62"/>
      <c r="FIG23" s="56"/>
      <c r="FIH23" s="61"/>
      <c r="FII23" s="61"/>
      <c r="FIJ23" s="61"/>
      <c r="FIK23" s="61"/>
      <c r="FIL23" s="62"/>
      <c r="FIM23" s="56"/>
      <c r="FIN23" s="61"/>
      <c r="FIO23" s="61"/>
      <c r="FIP23" s="61"/>
      <c r="FIQ23" s="61"/>
      <c r="FIR23" s="62"/>
      <c r="FIS23" s="56"/>
      <c r="FIT23" s="61"/>
      <c r="FIU23" s="61"/>
      <c r="FIV23" s="61"/>
      <c r="FIW23" s="61"/>
      <c r="FIX23" s="62"/>
      <c r="FIY23" s="56"/>
      <c r="FIZ23" s="61"/>
      <c r="FJA23" s="61"/>
      <c r="FJB23" s="61"/>
      <c r="FJC23" s="61"/>
      <c r="FJD23" s="62"/>
      <c r="FJE23" s="56"/>
      <c r="FJF23" s="61"/>
      <c r="FJG23" s="61"/>
      <c r="FJH23" s="61"/>
      <c r="FJI23" s="61"/>
      <c r="FJJ23" s="62"/>
      <c r="FJK23" s="56"/>
      <c r="FJL23" s="61"/>
      <c r="FJM23" s="61"/>
      <c r="FJN23" s="61"/>
      <c r="FJO23" s="61"/>
      <c r="FJP23" s="62"/>
      <c r="FJQ23" s="56"/>
      <c r="FJR23" s="61"/>
      <c r="FJS23" s="61"/>
      <c r="FJT23" s="61"/>
      <c r="FJU23" s="61"/>
      <c r="FJV23" s="62"/>
      <c r="FJW23" s="56"/>
      <c r="FJX23" s="61"/>
      <c r="FJY23" s="61"/>
      <c r="FJZ23" s="61"/>
      <c r="FKA23" s="61"/>
      <c r="FKB23" s="62"/>
      <c r="FKC23" s="56"/>
      <c r="FKD23" s="61"/>
      <c r="FKE23" s="61"/>
      <c r="FKF23" s="61"/>
      <c r="FKG23" s="61"/>
      <c r="FKH23" s="62"/>
      <c r="FKI23" s="56"/>
      <c r="FKJ23" s="61"/>
      <c r="FKK23" s="61"/>
      <c r="FKL23" s="61"/>
      <c r="FKM23" s="61"/>
      <c r="FKN23" s="62"/>
      <c r="FKO23" s="56"/>
      <c r="FKP23" s="61"/>
      <c r="FKQ23" s="61"/>
      <c r="FKR23" s="61"/>
      <c r="FKS23" s="61"/>
      <c r="FKT23" s="62"/>
      <c r="FKU23" s="56"/>
      <c r="FKV23" s="61"/>
      <c r="FKW23" s="61"/>
      <c r="FKX23" s="61"/>
      <c r="FKY23" s="61"/>
      <c r="FKZ23" s="62"/>
      <c r="FLA23" s="56"/>
      <c r="FLB23" s="61"/>
      <c r="FLC23" s="61"/>
      <c r="FLD23" s="61"/>
      <c r="FLE23" s="61"/>
      <c r="FLF23" s="62"/>
      <c r="FLG23" s="56"/>
      <c r="FLH23" s="61"/>
      <c r="FLI23" s="61"/>
      <c r="FLJ23" s="61"/>
      <c r="FLK23" s="61"/>
      <c r="FLL23" s="62"/>
      <c r="FLM23" s="56"/>
      <c r="FLN23" s="61"/>
      <c r="FLO23" s="61"/>
      <c r="FLP23" s="61"/>
      <c r="FLQ23" s="61"/>
      <c r="FLR23" s="62"/>
      <c r="FLS23" s="56"/>
      <c r="FLT23" s="61"/>
      <c r="FLU23" s="61"/>
      <c r="FLV23" s="61"/>
      <c r="FLW23" s="61"/>
      <c r="FLX23" s="62"/>
      <c r="FLY23" s="56"/>
      <c r="FLZ23" s="61"/>
      <c r="FMA23" s="61"/>
      <c r="FMB23" s="61"/>
      <c r="FMC23" s="61"/>
      <c r="FMD23" s="62"/>
      <c r="FME23" s="56"/>
      <c r="FMF23" s="61"/>
      <c r="FMG23" s="61"/>
      <c r="FMH23" s="61"/>
      <c r="FMI23" s="61"/>
      <c r="FMJ23" s="62"/>
      <c r="FMK23" s="56"/>
      <c r="FML23" s="61"/>
      <c r="FMM23" s="61"/>
      <c r="FMN23" s="61"/>
      <c r="FMO23" s="61"/>
      <c r="FMP23" s="62"/>
      <c r="FMQ23" s="56"/>
      <c r="FMR23" s="61"/>
      <c r="FMS23" s="61"/>
      <c r="FMT23" s="61"/>
      <c r="FMU23" s="61"/>
      <c r="FMV23" s="62"/>
      <c r="FMW23" s="56"/>
      <c r="FMX23" s="61"/>
      <c r="FMY23" s="61"/>
      <c r="FMZ23" s="61"/>
      <c r="FNA23" s="61"/>
      <c r="FNB23" s="62"/>
      <c r="FNC23" s="56"/>
      <c r="FND23" s="61"/>
      <c r="FNE23" s="61"/>
      <c r="FNF23" s="61"/>
      <c r="FNG23" s="61"/>
      <c r="FNH23" s="62"/>
      <c r="FNI23" s="56"/>
      <c r="FNJ23" s="61"/>
      <c r="FNK23" s="61"/>
      <c r="FNL23" s="61"/>
      <c r="FNM23" s="61"/>
      <c r="FNN23" s="62"/>
      <c r="FNO23" s="56"/>
      <c r="FNP23" s="61"/>
      <c r="FNQ23" s="61"/>
      <c r="FNR23" s="61"/>
      <c r="FNS23" s="61"/>
      <c r="FNT23" s="62"/>
      <c r="FNU23" s="56"/>
      <c r="FNV23" s="61"/>
      <c r="FNW23" s="61"/>
      <c r="FNX23" s="61"/>
      <c r="FNY23" s="61"/>
      <c r="FNZ23" s="62"/>
      <c r="FOA23" s="56"/>
      <c r="FOB23" s="61"/>
      <c r="FOC23" s="61"/>
      <c r="FOD23" s="61"/>
      <c r="FOE23" s="61"/>
      <c r="FOF23" s="62"/>
      <c r="FOG23" s="56"/>
      <c r="FOH23" s="61"/>
      <c r="FOI23" s="61"/>
      <c r="FOJ23" s="61"/>
      <c r="FOK23" s="61"/>
      <c r="FOL23" s="62"/>
      <c r="FOM23" s="56"/>
      <c r="FON23" s="61"/>
      <c r="FOO23" s="61"/>
      <c r="FOP23" s="61"/>
      <c r="FOQ23" s="61"/>
      <c r="FOR23" s="62"/>
      <c r="FOS23" s="56"/>
      <c r="FOT23" s="61"/>
      <c r="FOU23" s="61"/>
      <c r="FOV23" s="61"/>
      <c r="FOW23" s="61"/>
      <c r="FOX23" s="62"/>
      <c r="FOY23" s="56"/>
      <c r="FOZ23" s="61"/>
      <c r="FPA23" s="61"/>
      <c r="FPB23" s="61"/>
      <c r="FPC23" s="61"/>
      <c r="FPD23" s="62"/>
      <c r="FPE23" s="56"/>
      <c r="FPF23" s="61"/>
      <c r="FPG23" s="61"/>
      <c r="FPH23" s="61"/>
      <c r="FPI23" s="61"/>
      <c r="FPJ23" s="62"/>
      <c r="FPK23" s="56"/>
      <c r="FPL23" s="61"/>
      <c r="FPM23" s="61"/>
      <c r="FPN23" s="61"/>
      <c r="FPO23" s="61"/>
      <c r="FPP23" s="62"/>
      <c r="FPQ23" s="56"/>
      <c r="FPR23" s="61"/>
      <c r="FPS23" s="61"/>
      <c r="FPT23" s="61"/>
      <c r="FPU23" s="61"/>
      <c r="FPV23" s="62"/>
      <c r="FPW23" s="56"/>
      <c r="FPX23" s="61"/>
      <c r="FPY23" s="61"/>
      <c r="FPZ23" s="61"/>
      <c r="FQA23" s="61"/>
      <c r="FQB23" s="62"/>
      <c r="FQC23" s="56"/>
      <c r="FQD23" s="61"/>
      <c r="FQE23" s="61"/>
      <c r="FQF23" s="61"/>
      <c r="FQG23" s="61"/>
      <c r="FQH23" s="62"/>
      <c r="FQI23" s="56"/>
      <c r="FQJ23" s="61"/>
      <c r="FQK23" s="61"/>
      <c r="FQL23" s="61"/>
      <c r="FQM23" s="61"/>
      <c r="FQN23" s="62"/>
      <c r="FQO23" s="56"/>
      <c r="FQP23" s="61"/>
      <c r="FQQ23" s="61"/>
      <c r="FQR23" s="61"/>
      <c r="FQS23" s="61"/>
      <c r="FQT23" s="62"/>
      <c r="FQU23" s="56"/>
      <c r="FQV23" s="61"/>
      <c r="FQW23" s="61"/>
      <c r="FQX23" s="61"/>
      <c r="FQY23" s="61"/>
      <c r="FQZ23" s="62"/>
      <c r="FRA23" s="56"/>
      <c r="FRB23" s="61"/>
      <c r="FRC23" s="61"/>
      <c r="FRD23" s="61"/>
      <c r="FRE23" s="61"/>
      <c r="FRF23" s="62"/>
      <c r="FRG23" s="56"/>
      <c r="FRH23" s="61"/>
      <c r="FRI23" s="61"/>
      <c r="FRJ23" s="61"/>
      <c r="FRK23" s="61"/>
      <c r="FRL23" s="62"/>
      <c r="FRM23" s="56"/>
      <c r="FRN23" s="61"/>
      <c r="FRO23" s="61"/>
      <c r="FRP23" s="61"/>
      <c r="FRQ23" s="61"/>
      <c r="FRR23" s="62"/>
      <c r="FRS23" s="56"/>
      <c r="FRT23" s="61"/>
      <c r="FRU23" s="61"/>
      <c r="FRV23" s="61"/>
      <c r="FRW23" s="61"/>
      <c r="FRX23" s="62"/>
      <c r="FRY23" s="56"/>
      <c r="FRZ23" s="61"/>
      <c r="FSA23" s="61"/>
      <c r="FSB23" s="61"/>
      <c r="FSC23" s="61"/>
      <c r="FSD23" s="62"/>
      <c r="FSE23" s="56"/>
      <c r="FSF23" s="61"/>
      <c r="FSG23" s="61"/>
      <c r="FSH23" s="61"/>
      <c r="FSI23" s="61"/>
      <c r="FSJ23" s="62"/>
      <c r="FSK23" s="56"/>
      <c r="FSL23" s="61"/>
      <c r="FSM23" s="61"/>
      <c r="FSN23" s="61"/>
      <c r="FSO23" s="61"/>
      <c r="FSP23" s="62"/>
      <c r="FSQ23" s="56"/>
      <c r="FSR23" s="61"/>
      <c r="FSS23" s="61"/>
      <c r="FST23" s="61"/>
      <c r="FSU23" s="61"/>
      <c r="FSV23" s="62"/>
      <c r="FSW23" s="56"/>
      <c r="FSX23" s="61"/>
      <c r="FSY23" s="61"/>
      <c r="FSZ23" s="61"/>
      <c r="FTA23" s="61"/>
      <c r="FTB23" s="62"/>
      <c r="FTC23" s="56"/>
      <c r="FTD23" s="61"/>
      <c r="FTE23" s="61"/>
      <c r="FTF23" s="61"/>
      <c r="FTG23" s="61"/>
      <c r="FTH23" s="62"/>
      <c r="FTI23" s="56"/>
      <c r="FTJ23" s="61"/>
      <c r="FTK23" s="61"/>
      <c r="FTL23" s="61"/>
      <c r="FTM23" s="61"/>
      <c r="FTN23" s="62"/>
      <c r="FTO23" s="56"/>
      <c r="FTP23" s="61"/>
      <c r="FTQ23" s="61"/>
      <c r="FTR23" s="61"/>
      <c r="FTS23" s="61"/>
      <c r="FTT23" s="62"/>
      <c r="FTU23" s="56"/>
      <c r="FTV23" s="61"/>
      <c r="FTW23" s="61"/>
      <c r="FTX23" s="61"/>
      <c r="FTY23" s="61"/>
      <c r="FTZ23" s="62"/>
      <c r="FUA23" s="56"/>
      <c r="FUB23" s="61"/>
      <c r="FUC23" s="61"/>
      <c r="FUD23" s="61"/>
      <c r="FUE23" s="61"/>
      <c r="FUF23" s="62"/>
      <c r="FUG23" s="56"/>
      <c r="FUH23" s="61"/>
      <c r="FUI23" s="61"/>
      <c r="FUJ23" s="61"/>
      <c r="FUK23" s="61"/>
      <c r="FUL23" s="62"/>
      <c r="FUM23" s="56"/>
      <c r="FUN23" s="61"/>
      <c r="FUO23" s="61"/>
      <c r="FUP23" s="61"/>
      <c r="FUQ23" s="61"/>
      <c r="FUR23" s="62"/>
      <c r="FUS23" s="56"/>
      <c r="FUT23" s="61"/>
      <c r="FUU23" s="61"/>
      <c r="FUV23" s="61"/>
      <c r="FUW23" s="61"/>
      <c r="FUX23" s="62"/>
      <c r="FUY23" s="56"/>
      <c r="FUZ23" s="61"/>
      <c r="FVA23" s="61"/>
      <c r="FVB23" s="61"/>
      <c r="FVC23" s="61"/>
      <c r="FVD23" s="62"/>
      <c r="FVE23" s="56"/>
      <c r="FVF23" s="61"/>
      <c r="FVG23" s="61"/>
      <c r="FVH23" s="61"/>
      <c r="FVI23" s="61"/>
      <c r="FVJ23" s="62"/>
      <c r="FVK23" s="56"/>
      <c r="FVL23" s="61"/>
      <c r="FVM23" s="61"/>
      <c r="FVN23" s="61"/>
      <c r="FVO23" s="61"/>
      <c r="FVP23" s="62"/>
      <c r="FVQ23" s="56"/>
      <c r="FVR23" s="61"/>
      <c r="FVS23" s="61"/>
      <c r="FVT23" s="61"/>
      <c r="FVU23" s="61"/>
      <c r="FVV23" s="62"/>
      <c r="FVW23" s="56"/>
      <c r="FVX23" s="61"/>
      <c r="FVY23" s="61"/>
      <c r="FVZ23" s="61"/>
      <c r="FWA23" s="61"/>
      <c r="FWB23" s="62"/>
      <c r="FWC23" s="56"/>
      <c r="FWD23" s="61"/>
      <c r="FWE23" s="61"/>
      <c r="FWF23" s="61"/>
      <c r="FWG23" s="61"/>
      <c r="FWH23" s="62"/>
      <c r="FWI23" s="56"/>
      <c r="FWJ23" s="61"/>
      <c r="FWK23" s="61"/>
      <c r="FWL23" s="61"/>
      <c r="FWM23" s="61"/>
      <c r="FWN23" s="62"/>
      <c r="FWO23" s="56"/>
      <c r="FWP23" s="61"/>
      <c r="FWQ23" s="61"/>
      <c r="FWR23" s="61"/>
      <c r="FWS23" s="61"/>
      <c r="FWT23" s="62"/>
      <c r="FWU23" s="56"/>
      <c r="FWV23" s="61"/>
      <c r="FWW23" s="61"/>
      <c r="FWX23" s="61"/>
      <c r="FWY23" s="61"/>
      <c r="FWZ23" s="62"/>
      <c r="FXA23" s="56"/>
      <c r="FXB23" s="61"/>
      <c r="FXC23" s="61"/>
      <c r="FXD23" s="61"/>
      <c r="FXE23" s="61"/>
      <c r="FXF23" s="62"/>
      <c r="FXG23" s="56"/>
      <c r="FXH23" s="61"/>
      <c r="FXI23" s="61"/>
      <c r="FXJ23" s="61"/>
      <c r="FXK23" s="61"/>
      <c r="FXL23" s="62"/>
      <c r="FXM23" s="56"/>
      <c r="FXN23" s="61"/>
      <c r="FXO23" s="61"/>
      <c r="FXP23" s="61"/>
      <c r="FXQ23" s="61"/>
      <c r="FXR23" s="62"/>
      <c r="FXS23" s="56"/>
      <c r="FXT23" s="61"/>
      <c r="FXU23" s="61"/>
      <c r="FXV23" s="61"/>
      <c r="FXW23" s="61"/>
      <c r="FXX23" s="62"/>
      <c r="FXY23" s="56"/>
      <c r="FXZ23" s="61"/>
      <c r="FYA23" s="61"/>
      <c r="FYB23" s="61"/>
      <c r="FYC23" s="61"/>
      <c r="FYD23" s="62"/>
      <c r="FYE23" s="56"/>
      <c r="FYF23" s="61"/>
      <c r="FYG23" s="61"/>
      <c r="FYH23" s="61"/>
      <c r="FYI23" s="61"/>
      <c r="FYJ23" s="62"/>
      <c r="FYK23" s="56"/>
      <c r="FYL23" s="61"/>
      <c r="FYM23" s="61"/>
      <c r="FYN23" s="61"/>
      <c r="FYO23" s="61"/>
      <c r="FYP23" s="62"/>
      <c r="FYQ23" s="56"/>
      <c r="FYR23" s="61"/>
      <c r="FYS23" s="61"/>
      <c r="FYT23" s="61"/>
      <c r="FYU23" s="61"/>
      <c r="FYV23" s="62"/>
      <c r="FYW23" s="56"/>
      <c r="FYX23" s="61"/>
      <c r="FYY23" s="61"/>
      <c r="FYZ23" s="61"/>
      <c r="FZA23" s="61"/>
      <c r="FZB23" s="62"/>
      <c r="FZC23" s="56"/>
      <c r="FZD23" s="61"/>
      <c r="FZE23" s="61"/>
      <c r="FZF23" s="61"/>
      <c r="FZG23" s="61"/>
      <c r="FZH23" s="62"/>
      <c r="FZI23" s="56"/>
      <c r="FZJ23" s="61"/>
      <c r="FZK23" s="61"/>
      <c r="FZL23" s="61"/>
      <c r="FZM23" s="61"/>
      <c r="FZN23" s="62"/>
      <c r="FZO23" s="56"/>
      <c r="FZP23" s="61"/>
      <c r="FZQ23" s="61"/>
      <c r="FZR23" s="61"/>
      <c r="FZS23" s="61"/>
      <c r="FZT23" s="62"/>
      <c r="FZU23" s="56"/>
      <c r="FZV23" s="61"/>
      <c r="FZW23" s="61"/>
      <c r="FZX23" s="61"/>
      <c r="FZY23" s="61"/>
      <c r="FZZ23" s="62"/>
      <c r="GAA23" s="56"/>
      <c r="GAB23" s="61"/>
      <c r="GAC23" s="61"/>
      <c r="GAD23" s="61"/>
      <c r="GAE23" s="61"/>
      <c r="GAF23" s="62"/>
      <c r="GAG23" s="56"/>
      <c r="GAH23" s="61"/>
      <c r="GAI23" s="61"/>
      <c r="GAJ23" s="61"/>
      <c r="GAK23" s="61"/>
      <c r="GAL23" s="62"/>
      <c r="GAM23" s="56"/>
      <c r="GAN23" s="61"/>
      <c r="GAO23" s="61"/>
      <c r="GAP23" s="61"/>
      <c r="GAQ23" s="61"/>
      <c r="GAR23" s="62"/>
      <c r="GAS23" s="56"/>
      <c r="GAT23" s="61"/>
      <c r="GAU23" s="61"/>
      <c r="GAV23" s="61"/>
      <c r="GAW23" s="61"/>
      <c r="GAX23" s="62"/>
      <c r="GAY23" s="56"/>
      <c r="GAZ23" s="61"/>
      <c r="GBA23" s="61"/>
      <c r="GBB23" s="61"/>
      <c r="GBC23" s="61"/>
      <c r="GBD23" s="62"/>
      <c r="GBE23" s="56"/>
      <c r="GBF23" s="61"/>
      <c r="GBG23" s="61"/>
      <c r="GBH23" s="61"/>
      <c r="GBI23" s="61"/>
      <c r="GBJ23" s="62"/>
      <c r="GBK23" s="56"/>
      <c r="GBL23" s="61"/>
      <c r="GBM23" s="61"/>
      <c r="GBN23" s="61"/>
      <c r="GBO23" s="61"/>
      <c r="GBP23" s="62"/>
      <c r="GBQ23" s="56"/>
      <c r="GBR23" s="61"/>
      <c r="GBS23" s="61"/>
      <c r="GBT23" s="61"/>
      <c r="GBU23" s="61"/>
      <c r="GBV23" s="62"/>
      <c r="GBW23" s="56"/>
      <c r="GBX23" s="61"/>
      <c r="GBY23" s="61"/>
      <c r="GBZ23" s="61"/>
      <c r="GCA23" s="61"/>
      <c r="GCB23" s="62"/>
      <c r="GCC23" s="56"/>
      <c r="GCD23" s="61"/>
      <c r="GCE23" s="61"/>
      <c r="GCF23" s="61"/>
      <c r="GCG23" s="61"/>
      <c r="GCH23" s="62"/>
      <c r="GCI23" s="56"/>
      <c r="GCJ23" s="61"/>
      <c r="GCK23" s="61"/>
      <c r="GCL23" s="61"/>
      <c r="GCM23" s="61"/>
      <c r="GCN23" s="62"/>
      <c r="GCO23" s="56"/>
      <c r="GCP23" s="61"/>
      <c r="GCQ23" s="61"/>
      <c r="GCR23" s="61"/>
      <c r="GCS23" s="61"/>
      <c r="GCT23" s="62"/>
      <c r="GCU23" s="56"/>
      <c r="GCV23" s="61"/>
      <c r="GCW23" s="61"/>
      <c r="GCX23" s="61"/>
      <c r="GCY23" s="61"/>
      <c r="GCZ23" s="62"/>
      <c r="GDA23" s="56"/>
      <c r="GDB23" s="61"/>
      <c r="GDC23" s="61"/>
      <c r="GDD23" s="61"/>
      <c r="GDE23" s="61"/>
      <c r="GDF23" s="62"/>
      <c r="GDG23" s="56"/>
      <c r="GDH23" s="61"/>
      <c r="GDI23" s="61"/>
      <c r="GDJ23" s="61"/>
      <c r="GDK23" s="61"/>
      <c r="GDL23" s="62"/>
      <c r="GDM23" s="56"/>
      <c r="GDN23" s="61"/>
      <c r="GDO23" s="61"/>
      <c r="GDP23" s="61"/>
      <c r="GDQ23" s="61"/>
      <c r="GDR23" s="62"/>
      <c r="GDS23" s="56"/>
      <c r="GDT23" s="61"/>
      <c r="GDU23" s="61"/>
      <c r="GDV23" s="61"/>
      <c r="GDW23" s="61"/>
      <c r="GDX23" s="62"/>
      <c r="GDY23" s="56"/>
      <c r="GDZ23" s="61"/>
      <c r="GEA23" s="61"/>
      <c r="GEB23" s="61"/>
      <c r="GEC23" s="61"/>
      <c r="GED23" s="62"/>
      <c r="GEE23" s="56"/>
      <c r="GEF23" s="61"/>
      <c r="GEG23" s="61"/>
      <c r="GEH23" s="61"/>
      <c r="GEI23" s="61"/>
      <c r="GEJ23" s="62"/>
      <c r="GEK23" s="56"/>
      <c r="GEL23" s="61"/>
      <c r="GEM23" s="61"/>
      <c r="GEN23" s="61"/>
      <c r="GEO23" s="61"/>
      <c r="GEP23" s="62"/>
      <c r="GEQ23" s="56"/>
      <c r="GER23" s="61"/>
      <c r="GES23" s="61"/>
      <c r="GET23" s="61"/>
      <c r="GEU23" s="61"/>
      <c r="GEV23" s="62"/>
      <c r="GEW23" s="56"/>
      <c r="GEX23" s="61"/>
      <c r="GEY23" s="61"/>
      <c r="GEZ23" s="61"/>
      <c r="GFA23" s="61"/>
      <c r="GFB23" s="62"/>
      <c r="GFC23" s="56"/>
      <c r="GFD23" s="61"/>
      <c r="GFE23" s="61"/>
      <c r="GFF23" s="61"/>
      <c r="GFG23" s="61"/>
      <c r="GFH23" s="62"/>
      <c r="GFI23" s="56"/>
      <c r="GFJ23" s="61"/>
      <c r="GFK23" s="61"/>
      <c r="GFL23" s="61"/>
      <c r="GFM23" s="61"/>
      <c r="GFN23" s="62"/>
      <c r="GFO23" s="56"/>
      <c r="GFP23" s="61"/>
      <c r="GFQ23" s="61"/>
      <c r="GFR23" s="61"/>
      <c r="GFS23" s="61"/>
      <c r="GFT23" s="62"/>
      <c r="GFU23" s="56"/>
      <c r="GFV23" s="61"/>
      <c r="GFW23" s="61"/>
      <c r="GFX23" s="61"/>
      <c r="GFY23" s="61"/>
      <c r="GFZ23" s="62"/>
      <c r="GGA23" s="56"/>
      <c r="GGB23" s="61"/>
      <c r="GGC23" s="61"/>
      <c r="GGD23" s="61"/>
      <c r="GGE23" s="61"/>
      <c r="GGF23" s="62"/>
      <c r="GGG23" s="56"/>
      <c r="GGH23" s="61"/>
      <c r="GGI23" s="61"/>
      <c r="GGJ23" s="61"/>
      <c r="GGK23" s="61"/>
      <c r="GGL23" s="62"/>
      <c r="GGM23" s="56"/>
      <c r="GGN23" s="61"/>
      <c r="GGO23" s="61"/>
      <c r="GGP23" s="61"/>
      <c r="GGQ23" s="61"/>
      <c r="GGR23" s="62"/>
      <c r="GGS23" s="56"/>
      <c r="GGT23" s="61"/>
      <c r="GGU23" s="61"/>
      <c r="GGV23" s="61"/>
      <c r="GGW23" s="61"/>
      <c r="GGX23" s="62"/>
      <c r="GGY23" s="56"/>
      <c r="GGZ23" s="61"/>
      <c r="GHA23" s="61"/>
      <c r="GHB23" s="61"/>
      <c r="GHC23" s="61"/>
      <c r="GHD23" s="62"/>
      <c r="GHE23" s="56"/>
      <c r="GHF23" s="61"/>
      <c r="GHG23" s="61"/>
      <c r="GHH23" s="61"/>
      <c r="GHI23" s="61"/>
      <c r="GHJ23" s="62"/>
      <c r="GHK23" s="56"/>
      <c r="GHL23" s="61"/>
      <c r="GHM23" s="61"/>
      <c r="GHN23" s="61"/>
      <c r="GHO23" s="61"/>
      <c r="GHP23" s="62"/>
      <c r="GHQ23" s="56"/>
      <c r="GHR23" s="61"/>
      <c r="GHS23" s="61"/>
      <c r="GHT23" s="61"/>
      <c r="GHU23" s="61"/>
      <c r="GHV23" s="62"/>
      <c r="GHW23" s="56"/>
      <c r="GHX23" s="61"/>
      <c r="GHY23" s="61"/>
      <c r="GHZ23" s="61"/>
      <c r="GIA23" s="61"/>
      <c r="GIB23" s="62"/>
      <c r="GIC23" s="56"/>
      <c r="GID23" s="61"/>
      <c r="GIE23" s="61"/>
      <c r="GIF23" s="61"/>
      <c r="GIG23" s="61"/>
      <c r="GIH23" s="62"/>
      <c r="GII23" s="56"/>
      <c r="GIJ23" s="61"/>
      <c r="GIK23" s="61"/>
      <c r="GIL23" s="61"/>
      <c r="GIM23" s="61"/>
      <c r="GIN23" s="62"/>
      <c r="GIO23" s="56"/>
      <c r="GIP23" s="61"/>
      <c r="GIQ23" s="61"/>
      <c r="GIR23" s="61"/>
      <c r="GIS23" s="61"/>
      <c r="GIT23" s="62"/>
      <c r="GIU23" s="56"/>
      <c r="GIV23" s="61"/>
      <c r="GIW23" s="61"/>
      <c r="GIX23" s="61"/>
      <c r="GIY23" s="61"/>
      <c r="GIZ23" s="62"/>
      <c r="GJA23" s="56"/>
      <c r="GJB23" s="61"/>
      <c r="GJC23" s="61"/>
      <c r="GJD23" s="61"/>
      <c r="GJE23" s="61"/>
      <c r="GJF23" s="62"/>
      <c r="GJG23" s="56"/>
      <c r="GJH23" s="61"/>
      <c r="GJI23" s="61"/>
      <c r="GJJ23" s="61"/>
      <c r="GJK23" s="61"/>
      <c r="GJL23" s="62"/>
      <c r="GJM23" s="56"/>
      <c r="GJN23" s="61"/>
      <c r="GJO23" s="61"/>
      <c r="GJP23" s="61"/>
      <c r="GJQ23" s="61"/>
      <c r="GJR23" s="62"/>
      <c r="GJS23" s="56"/>
      <c r="GJT23" s="61"/>
      <c r="GJU23" s="61"/>
      <c r="GJV23" s="61"/>
      <c r="GJW23" s="61"/>
      <c r="GJX23" s="62"/>
      <c r="GJY23" s="56"/>
      <c r="GJZ23" s="61"/>
      <c r="GKA23" s="61"/>
      <c r="GKB23" s="61"/>
      <c r="GKC23" s="61"/>
      <c r="GKD23" s="62"/>
      <c r="GKE23" s="56"/>
      <c r="GKF23" s="61"/>
      <c r="GKG23" s="61"/>
      <c r="GKH23" s="61"/>
      <c r="GKI23" s="61"/>
      <c r="GKJ23" s="62"/>
      <c r="GKK23" s="56"/>
      <c r="GKL23" s="61"/>
      <c r="GKM23" s="61"/>
      <c r="GKN23" s="61"/>
      <c r="GKO23" s="61"/>
      <c r="GKP23" s="62"/>
      <c r="GKQ23" s="56"/>
      <c r="GKR23" s="61"/>
      <c r="GKS23" s="61"/>
      <c r="GKT23" s="61"/>
      <c r="GKU23" s="61"/>
      <c r="GKV23" s="62"/>
      <c r="GKW23" s="56"/>
      <c r="GKX23" s="61"/>
      <c r="GKY23" s="61"/>
      <c r="GKZ23" s="61"/>
      <c r="GLA23" s="61"/>
      <c r="GLB23" s="62"/>
      <c r="GLC23" s="56"/>
      <c r="GLD23" s="61"/>
      <c r="GLE23" s="61"/>
      <c r="GLF23" s="61"/>
      <c r="GLG23" s="61"/>
      <c r="GLH23" s="62"/>
      <c r="GLI23" s="56"/>
      <c r="GLJ23" s="61"/>
      <c r="GLK23" s="61"/>
      <c r="GLL23" s="61"/>
      <c r="GLM23" s="61"/>
      <c r="GLN23" s="62"/>
      <c r="GLO23" s="56"/>
      <c r="GLP23" s="61"/>
      <c r="GLQ23" s="61"/>
      <c r="GLR23" s="61"/>
      <c r="GLS23" s="61"/>
      <c r="GLT23" s="62"/>
      <c r="GLU23" s="56"/>
      <c r="GLV23" s="61"/>
      <c r="GLW23" s="61"/>
      <c r="GLX23" s="61"/>
      <c r="GLY23" s="61"/>
      <c r="GLZ23" s="62"/>
      <c r="GMA23" s="56"/>
      <c r="GMB23" s="61"/>
      <c r="GMC23" s="61"/>
      <c r="GMD23" s="61"/>
      <c r="GME23" s="61"/>
      <c r="GMF23" s="62"/>
      <c r="GMG23" s="56"/>
      <c r="GMH23" s="61"/>
      <c r="GMI23" s="61"/>
      <c r="GMJ23" s="61"/>
      <c r="GMK23" s="61"/>
      <c r="GML23" s="62"/>
      <c r="GMM23" s="56"/>
      <c r="GMN23" s="61"/>
      <c r="GMO23" s="61"/>
      <c r="GMP23" s="61"/>
      <c r="GMQ23" s="61"/>
      <c r="GMR23" s="62"/>
      <c r="GMS23" s="56"/>
      <c r="GMT23" s="61"/>
      <c r="GMU23" s="61"/>
      <c r="GMV23" s="61"/>
      <c r="GMW23" s="61"/>
      <c r="GMX23" s="62"/>
      <c r="GMY23" s="56"/>
      <c r="GMZ23" s="61"/>
      <c r="GNA23" s="61"/>
      <c r="GNB23" s="61"/>
      <c r="GNC23" s="61"/>
      <c r="GND23" s="62"/>
      <c r="GNE23" s="56"/>
      <c r="GNF23" s="61"/>
      <c r="GNG23" s="61"/>
      <c r="GNH23" s="61"/>
      <c r="GNI23" s="61"/>
      <c r="GNJ23" s="62"/>
      <c r="GNK23" s="56"/>
      <c r="GNL23" s="61"/>
      <c r="GNM23" s="61"/>
      <c r="GNN23" s="61"/>
      <c r="GNO23" s="61"/>
      <c r="GNP23" s="62"/>
      <c r="GNQ23" s="56"/>
      <c r="GNR23" s="61"/>
      <c r="GNS23" s="61"/>
      <c r="GNT23" s="61"/>
      <c r="GNU23" s="61"/>
      <c r="GNV23" s="62"/>
      <c r="GNW23" s="56"/>
      <c r="GNX23" s="61"/>
      <c r="GNY23" s="61"/>
      <c r="GNZ23" s="61"/>
      <c r="GOA23" s="61"/>
      <c r="GOB23" s="62"/>
      <c r="GOC23" s="56"/>
      <c r="GOD23" s="61"/>
      <c r="GOE23" s="61"/>
      <c r="GOF23" s="61"/>
      <c r="GOG23" s="61"/>
      <c r="GOH23" s="62"/>
      <c r="GOI23" s="56"/>
      <c r="GOJ23" s="61"/>
      <c r="GOK23" s="61"/>
      <c r="GOL23" s="61"/>
      <c r="GOM23" s="61"/>
      <c r="GON23" s="62"/>
      <c r="GOO23" s="56"/>
      <c r="GOP23" s="61"/>
      <c r="GOQ23" s="61"/>
      <c r="GOR23" s="61"/>
      <c r="GOS23" s="61"/>
      <c r="GOT23" s="62"/>
      <c r="GOU23" s="56"/>
      <c r="GOV23" s="61"/>
      <c r="GOW23" s="61"/>
      <c r="GOX23" s="61"/>
      <c r="GOY23" s="61"/>
      <c r="GOZ23" s="62"/>
      <c r="GPA23" s="56"/>
      <c r="GPB23" s="61"/>
      <c r="GPC23" s="61"/>
      <c r="GPD23" s="61"/>
      <c r="GPE23" s="61"/>
      <c r="GPF23" s="62"/>
      <c r="GPG23" s="56"/>
      <c r="GPH23" s="61"/>
      <c r="GPI23" s="61"/>
      <c r="GPJ23" s="61"/>
      <c r="GPK23" s="61"/>
      <c r="GPL23" s="62"/>
      <c r="GPM23" s="56"/>
      <c r="GPN23" s="61"/>
      <c r="GPO23" s="61"/>
      <c r="GPP23" s="61"/>
      <c r="GPQ23" s="61"/>
      <c r="GPR23" s="62"/>
      <c r="GPS23" s="56"/>
      <c r="GPT23" s="61"/>
      <c r="GPU23" s="61"/>
      <c r="GPV23" s="61"/>
      <c r="GPW23" s="61"/>
      <c r="GPX23" s="62"/>
      <c r="GPY23" s="56"/>
      <c r="GPZ23" s="61"/>
      <c r="GQA23" s="61"/>
      <c r="GQB23" s="61"/>
      <c r="GQC23" s="61"/>
      <c r="GQD23" s="62"/>
      <c r="GQE23" s="56"/>
      <c r="GQF23" s="61"/>
      <c r="GQG23" s="61"/>
      <c r="GQH23" s="61"/>
      <c r="GQI23" s="61"/>
      <c r="GQJ23" s="62"/>
      <c r="GQK23" s="56"/>
      <c r="GQL23" s="61"/>
      <c r="GQM23" s="61"/>
      <c r="GQN23" s="61"/>
      <c r="GQO23" s="61"/>
      <c r="GQP23" s="62"/>
      <c r="GQQ23" s="56"/>
      <c r="GQR23" s="61"/>
      <c r="GQS23" s="61"/>
      <c r="GQT23" s="61"/>
      <c r="GQU23" s="61"/>
      <c r="GQV23" s="62"/>
      <c r="GQW23" s="56"/>
      <c r="GQX23" s="61"/>
      <c r="GQY23" s="61"/>
      <c r="GQZ23" s="61"/>
      <c r="GRA23" s="61"/>
      <c r="GRB23" s="62"/>
      <c r="GRC23" s="56"/>
      <c r="GRD23" s="61"/>
      <c r="GRE23" s="61"/>
      <c r="GRF23" s="61"/>
      <c r="GRG23" s="61"/>
      <c r="GRH23" s="62"/>
      <c r="GRI23" s="56"/>
      <c r="GRJ23" s="61"/>
      <c r="GRK23" s="61"/>
      <c r="GRL23" s="61"/>
      <c r="GRM23" s="61"/>
      <c r="GRN23" s="62"/>
      <c r="GRO23" s="56"/>
      <c r="GRP23" s="61"/>
      <c r="GRQ23" s="61"/>
      <c r="GRR23" s="61"/>
      <c r="GRS23" s="61"/>
      <c r="GRT23" s="62"/>
      <c r="GRU23" s="56"/>
      <c r="GRV23" s="61"/>
      <c r="GRW23" s="61"/>
      <c r="GRX23" s="61"/>
      <c r="GRY23" s="61"/>
      <c r="GRZ23" s="62"/>
      <c r="GSA23" s="56"/>
      <c r="GSB23" s="61"/>
      <c r="GSC23" s="61"/>
      <c r="GSD23" s="61"/>
      <c r="GSE23" s="61"/>
      <c r="GSF23" s="62"/>
      <c r="GSG23" s="56"/>
      <c r="GSH23" s="61"/>
      <c r="GSI23" s="61"/>
      <c r="GSJ23" s="61"/>
      <c r="GSK23" s="61"/>
      <c r="GSL23" s="62"/>
      <c r="GSM23" s="56"/>
      <c r="GSN23" s="61"/>
      <c r="GSO23" s="61"/>
      <c r="GSP23" s="61"/>
      <c r="GSQ23" s="61"/>
      <c r="GSR23" s="62"/>
      <c r="GSS23" s="56"/>
      <c r="GST23" s="61"/>
      <c r="GSU23" s="61"/>
      <c r="GSV23" s="61"/>
      <c r="GSW23" s="61"/>
      <c r="GSX23" s="62"/>
      <c r="GSY23" s="56"/>
      <c r="GSZ23" s="61"/>
      <c r="GTA23" s="61"/>
      <c r="GTB23" s="61"/>
      <c r="GTC23" s="61"/>
      <c r="GTD23" s="62"/>
      <c r="GTE23" s="56"/>
      <c r="GTF23" s="61"/>
      <c r="GTG23" s="61"/>
      <c r="GTH23" s="61"/>
      <c r="GTI23" s="61"/>
      <c r="GTJ23" s="62"/>
      <c r="GTK23" s="56"/>
      <c r="GTL23" s="61"/>
      <c r="GTM23" s="61"/>
      <c r="GTN23" s="61"/>
      <c r="GTO23" s="61"/>
      <c r="GTP23" s="62"/>
      <c r="GTQ23" s="56"/>
      <c r="GTR23" s="61"/>
      <c r="GTS23" s="61"/>
      <c r="GTT23" s="61"/>
      <c r="GTU23" s="61"/>
      <c r="GTV23" s="62"/>
      <c r="GTW23" s="56"/>
      <c r="GTX23" s="61"/>
      <c r="GTY23" s="61"/>
      <c r="GTZ23" s="61"/>
      <c r="GUA23" s="61"/>
      <c r="GUB23" s="62"/>
      <c r="GUC23" s="56"/>
      <c r="GUD23" s="61"/>
      <c r="GUE23" s="61"/>
      <c r="GUF23" s="61"/>
      <c r="GUG23" s="61"/>
      <c r="GUH23" s="62"/>
      <c r="GUI23" s="56"/>
      <c r="GUJ23" s="61"/>
      <c r="GUK23" s="61"/>
      <c r="GUL23" s="61"/>
      <c r="GUM23" s="61"/>
      <c r="GUN23" s="62"/>
      <c r="GUO23" s="56"/>
      <c r="GUP23" s="61"/>
      <c r="GUQ23" s="61"/>
      <c r="GUR23" s="61"/>
      <c r="GUS23" s="61"/>
      <c r="GUT23" s="62"/>
      <c r="GUU23" s="56"/>
      <c r="GUV23" s="61"/>
      <c r="GUW23" s="61"/>
      <c r="GUX23" s="61"/>
      <c r="GUY23" s="61"/>
      <c r="GUZ23" s="62"/>
      <c r="GVA23" s="56"/>
      <c r="GVB23" s="61"/>
      <c r="GVC23" s="61"/>
      <c r="GVD23" s="61"/>
      <c r="GVE23" s="61"/>
      <c r="GVF23" s="62"/>
      <c r="GVG23" s="56"/>
      <c r="GVH23" s="61"/>
      <c r="GVI23" s="61"/>
      <c r="GVJ23" s="61"/>
      <c r="GVK23" s="61"/>
      <c r="GVL23" s="62"/>
      <c r="GVM23" s="56"/>
      <c r="GVN23" s="61"/>
      <c r="GVO23" s="61"/>
      <c r="GVP23" s="61"/>
      <c r="GVQ23" s="61"/>
      <c r="GVR23" s="62"/>
      <c r="GVS23" s="56"/>
      <c r="GVT23" s="61"/>
      <c r="GVU23" s="61"/>
      <c r="GVV23" s="61"/>
      <c r="GVW23" s="61"/>
      <c r="GVX23" s="62"/>
      <c r="GVY23" s="56"/>
      <c r="GVZ23" s="61"/>
      <c r="GWA23" s="61"/>
      <c r="GWB23" s="61"/>
      <c r="GWC23" s="61"/>
      <c r="GWD23" s="62"/>
      <c r="GWE23" s="56"/>
      <c r="GWF23" s="61"/>
      <c r="GWG23" s="61"/>
      <c r="GWH23" s="61"/>
      <c r="GWI23" s="61"/>
      <c r="GWJ23" s="62"/>
      <c r="GWK23" s="56"/>
      <c r="GWL23" s="61"/>
      <c r="GWM23" s="61"/>
      <c r="GWN23" s="61"/>
      <c r="GWO23" s="61"/>
      <c r="GWP23" s="62"/>
      <c r="GWQ23" s="56"/>
      <c r="GWR23" s="61"/>
      <c r="GWS23" s="61"/>
      <c r="GWT23" s="61"/>
      <c r="GWU23" s="61"/>
      <c r="GWV23" s="62"/>
      <c r="GWW23" s="56"/>
      <c r="GWX23" s="61"/>
      <c r="GWY23" s="61"/>
      <c r="GWZ23" s="61"/>
      <c r="GXA23" s="61"/>
      <c r="GXB23" s="62"/>
      <c r="GXC23" s="56"/>
      <c r="GXD23" s="61"/>
      <c r="GXE23" s="61"/>
      <c r="GXF23" s="61"/>
      <c r="GXG23" s="61"/>
      <c r="GXH23" s="62"/>
      <c r="GXI23" s="56"/>
      <c r="GXJ23" s="61"/>
      <c r="GXK23" s="61"/>
      <c r="GXL23" s="61"/>
      <c r="GXM23" s="61"/>
      <c r="GXN23" s="62"/>
      <c r="GXO23" s="56"/>
      <c r="GXP23" s="61"/>
      <c r="GXQ23" s="61"/>
      <c r="GXR23" s="61"/>
      <c r="GXS23" s="61"/>
      <c r="GXT23" s="62"/>
      <c r="GXU23" s="56"/>
      <c r="GXV23" s="61"/>
      <c r="GXW23" s="61"/>
      <c r="GXX23" s="61"/>
      <c r="GXY23" s="61"/>
      <c r="GXZ23" s="62"/>
      <c r="GYA23" s="56"/>
      <c r="GYB23" s="61"/>
      <c r="GYC23" s="61"/>
      <c r="GYD23" s="61"/>
      <c r="GYE23" s="61"/>
      <c r="GYF23" s="62"/>
      <c r="GYG23" s="56"/>
      <c r="GYH23" s="61"/>
      <c r="GYI23" s="61"/>
      <c r="GYJ23" s="61"/>
      <c r="GYK23" s="61"/>
      <c r="GYL23" s="62"/>
      <c r="GYM23" s="56"/>
      <c r="GYN23" s="61"/>
      <c r="GYO23" s="61"/>
      <c r="GYP23" s="61"/>
      <c r="GYQ23" s="61"/>
      <c r="GYR23" s="62"/>
      <c r="GYS23" s="56"/>
      <c r="GYT23" s="61"/>
      <c r="GYU23" s="61"/>
      <c r="GYV23" s="61"/>
      <c r="GYW23" s="61"/>
      <c r="GYX23" s="62"/>
      <c r="GYY23" s="56"/>
      <c r="GYZ23" s="61"/>
      <c r="GZA23" s="61"/>
      <c r="GZB23" s="61"/>
      <c r="GZC23" s="61"/>
      <c r="GZD23" s="62"/>
      <c r="GZE23" s="56"/>
      <c r="GZF23" s="61"/>
      <c r="GZG23" s="61"/>
      <c r="GZH23" s="61"/>
      <c r="GZI23" s="61"/>
      <c r="GZJ23" s="62"/>
      <c r="GZK23" s="56"/>
      <c r="GZL23" s="61"/>
      <c r="GZM23" s="61"/>
      <c r="GZN23" s="61"/>
      <c r="GZO23" s="61"/>
      <c r="GZP23" s="62"/>
      <c r="GZQ23" s="56"/>
      <c r="GZR23" s="61"/>
      <c r="GZS23" s="61"/>
      <c r="GZT23" s="61"/>
      <c r="GZU23" s="61"/>
      <c r="GZV23" s="62"/>
      <c r="GZW23" s="56"/>
      <c r="GZX23" s="61"/>
      <c r="GZY23" s="61"/>
      <c r="GZZ23" s="61"/>
      <c r="HAA23" s="61"/>
      <c r="HAB23" s="62"/>
      <c r="HAC23" s="56"/>
      <c r="HAD23" s="61"/>
      <c r="HAE23" s="61"/>
      <c r="HAF23" s="61"/>
      <c r="HAG23" s="61"/>
      <c r="HAH23" s="62"/>
      <c r="HAI23" s="56"/>
      <c r="HAJ23" s="61"/>
      <c r="HAK23" s="61"/>
      <c r="HAL23" s="61"/>
      <c r="HAM23" s="61"/>
      <c r="HAN23" s="62"/>
      <c r="HAO23" s="56"/>
      <c r="HAP23" s="61"/>
      <c r="HAQ23" s="61"/>
      <c r="HAR23" s="61"/>
      <c r="HAS23" s="61"/>
      <c r="HAT23" s="62"/>
      <c r="HAU23" s="56"/>
      <c r="HAV23" s="61"/>
      <c r="HAW23" s="61"/>
      <c r="HAX23" s="61"/>
      <c r="HAY23" s="61"/>
      <c r="HAZ23" s="62"/>
      <c r="HBA23" s="56"/>
      <c r="HBB23" s="61"/>
      <c r="HBC23" s="61"/>
      <c r="HBD23" s="61"/>
      <c r="HBE23" s="61"/>
      <c r="HBF23" s="62"/>
      <c r="HBG23" s="56"/>
      <c r="HBH23" s="61"/>
      <c r="HBI23" s="61"/>
      <c r="HBJ23" s="61"/>
      <c r="HBK23" s="61"/>
      <c r="HBL23" s="62"/>
      <c r="HBM23" s="56"/>
      <c r="HBN23" s="61"/>
      <c r="HBO23" s="61"/>
      <c r="HBP23" s="61"/>
      <c r="HBQ23" s="61"/>
      <c r="HBR23" s="62"/>
      <c r="HBS23" s="56"/>
      <c r="HBT23" s="61"/>
      <c r="HBU23" s="61"/>
      <c r="HBV23" s="61"/>
      <c r="HBW23" s="61"/>
      <c r="HBX23" s="62"/>
      <c r="HBY23" s="56"/>
      <c r="HBZ23" s="61"/>
      <c r="HCA23" s="61"/>
      <c r="HCB23" s="61"/>
      <c r="HCC23" s="61"/>
      <c r="HCD23" s="62"/>
      <c r="HCE23" s="56"/>
      <c r="HCF23" s="61"/>
      <c r="HCG23" s="61"/>
      <c r="HCH23" s="61"/>
      <c r="HCI23" s="61"/>
      <c r="HCJ23" s="62"/>
      <c r="HCK23" s="56"/>
      <c r="HCL23" s="61"/>
      <c r="HCM23" s="61"/>
      <c r="HCN23" s="61"/>
      <c r="HCO23" s="61"/>
      <c r="HCP23" s="62"/>
      <c r="HCQ23" s="56"/>
      <c r="HCR23" s="61"/>
      <c r="HCS23" s="61"/>
      <c r="HCT23" s="61"/>
      <c r="HCU23" s="61"/>
      <c r="HCV23" s="62"/>
      <c r="HCW23" s="56"/>
      <c r="HCX23" s="61"/>
      <c r="HCY23" s="61"/>
      <c r="HCZ23" s="61"/>
      <c r="HDA23" s="61"/>
      <c r="HDB23" s="62"/>
      <c r="HDC23" s="56"/>
      <c r="HDD23" s="61"/>
      <c r="HDE23" s="61"/>
      <c r="HDF23" s="61"/>
      <c r="HDG23" s="61"/>
      <c r="HDH23" s="62"/>
      <c r="HDI23" s="56"/>
      <c r="HDJ23" s="61"/>
      <c r="HDK23" s="61"/>
      <c r="HDL23" s="61"/>
      <c r="HDM23" s="61"/>
      <c r="HDN23" s="62"/>
      <c r="HDO23" s="56"/>
      <c r="HDP23" s="61"/>
      <c r="HDQ23" s="61"/>
      <c r="HDR23" s="61"/>
      <c r="HDS23" s="61"/>
      <c r="HDT23" s="62"/>
      <c r="HDU23" s="56"/>
      <c r="HDV23" s="61"/>
      <c r="HDW23" s="61"/>
      <c r="HDX23" s="61"/>
      <c r="HDY23" s="61"/>
      <c r="HDZ23" s="62"/>
      <c r="HEA23" s="56"/>
      <c r="HEB23" s="61"/>
      <c r="HEC23" s="61"/>
      <c r="HED23" s="61"/>
      <c r="HEE23" s="61"/>
      <c r="HEF23" s="62"/>
      <c r="HEG23" s="56"/>
      <c r="HEH23" s="61"/>
      <c r="HEI23" s="61"/>
      <c r="HEJ23" s="61"/>
      <c r="HEK23" s="61"/>
      <c r="HEL23" s="62"/>
      <c r="HEM23" s="56"/>
      <c r="HEN23" s="61"/>
      <c r="HEO23" s="61"/>
      <c r="HEP23" s="61"/>
      <c r="HEQ23" s="61"/>
      <c r="HER23" s="62"/>
      <c r="HES23" s="56"/>
      <c r="HET23" s="61"/>
      <c r="HEU23" s="61"/>
      <c r="HEV23" s="61"/>
      <c r="HEW23" s="61"/>
      <c r="HEX23" s="62"/>
      <c r="HEY23" s="56"/>
      <c r="HEZ23" s="61"/>
      <c r="HFA23" s="61"/>
      <c r="HFB23" s="61"/>
      <c r="HFC23" s="61"/>
      <c r="HFD23" s="62"/>
      <c r="HFE23" s="56"/>
      <c r="HFF23" s="61"/>
      <c r="HFG23" s="61"/>
      <c r="HFH23" s="61"/>
      <c r="HFI23" s="61"/>
      <c r="HFJ23" s="62"/>
      <c r="HFK23" s="56"/>
      <c r="HFL23" s="61"/>
      <c r="HFM23" s="61"/>
      <c r="HFN23" s="61"/>
      <c r="HFO23" s="61"/>
      <c r="HFP23" s="62"/>
      <c r="HFQ23" s="56"/>
      <c r="HFR23" s="61"/>
      <c r="HFS23" s="61"/>
      <c r="HFT23" s="61"/>
      <c r="HFU23" s="61"/>
      <c r="HFV23" s="62"/>
      <c r="HFW23" s="56"/>
      <c r="HFX23" s="61"/>
      <c r="HFY23" s="61"/>
      <c r="HFZ23" s="61"/>
      <c r="HGA23" s="61"/>
      <c r="HGB23" s="62"/>
      <c r="HGC23" s="56"/>
      <c r="HGD23" s="61"/>
      <c r="HGE23" s="61"/>
      <c r="HGF23" s="61"/>
      <c r="HGG23" s="61"/>
      <c r="HGH23" s="62"/>
      <c r="HGI23" s="56"/>
      <c r="HGJ23" s="61"/>
      <c r="HGK23" s="61"/>
      <c r="HGL23" s="61"/>
      <c r="HGM23" s="61"/>
      <c r="HGN23" s="62"/>
      <c r="HGO23" s="56"/>
      <c r="HGP23" s="61"/>
      <c r="HGQ23" s="61"/>
      <c r="HGR23" s="61"/>
      <c r="HGS23" s="61"/>
      <c r="HGT23" s="62"/>
      <c r="HGU23" s="56"/>
      <c r="HGV23" s="61"/>
      <c r="HGW23" s="61"/>
      <c r="HGX23" s="61"/>
      <c r="HGY23" s="61"/>
      <c r="HGZ23" s="62"/>
      <c r="HHA23" s="56"/>
      <c r="HHB23" s="61"/>
      <c r="HHC23" s="61"/>
      <c r="HHD23" s="61"/>
      <c r="HHE23" s="61"/>
      <c r="HHF23" s="62"/>
      <c r="HHG23" s="56"/>
      <c r="HHH23" s="61"/>
      <c r="HHI23" s="61"/>
      <c r="HHJ23" s="61"/>
      <c r="HHK23" s="61"/>
      <c r="HHL23" s="62"/>
      <c r="HHM23" s="56"/>
      <c r="HHN23" s="61"/>
      <c r="HHO23" s="61"/>
      <c r="HHP23" s="61"/>
      <c r="HHQ23" s="61"/>
      <c r="HHR23" s="62"/>
      <c r="HHS23" s="56"/>
      <c r="HHT23" s="61"/>
      <c r="HHU23" s="61"/>
      <c r="HHV23" s="61"/>
      <c r="HHW23" s="61"/>
      <c r="HHX23" s="62"/>
      <c r="HHY23" s="56"/>
      <c r="HHZ23" s="61"/>
      <c r="HIA23" s="61"/>
      <c r="HIB23" s="61"/>
      <c r="HIC23" s="61"/>
      <c r="HID23" s="62"/>
      <c r="HIE23" s="56"/>
      <c r="HIF23" s="61"/>
      <c r="HIG23" s="61"/>
      <c r="HIH23" s="61"/>
      <c r="HII23" s="61"/>
      <c r="HIJ23" s="62"/>
      <c r="HIK23" s="56"/>
      <c r="HIL23" s="61"/>
      <c r="HIM23" s="61"/>
      <c r="HIN23" s="61"/>
      <c r="HIO23" s="61"/>
      <c r="HIP23" s="62"/>
      <c r="HIQ23" s="56"/>
      <c r="HIR23" s="61"/>
      <c r="HIS23" s="61"/>
      <c r="HIT23" s="61"/>
      <c r="HIU23" s="61"/>
      <c r="HIV23" s="62"/>
      <c r="HIW23" s="56"/>
      <c r="HIX23" s="61"/>
      <c r="HIY23" s="61"/>
      <c r="HIZ23" s="61"/>
      <c r="HJA23" s="61"/>
      <c r="HJB23" s="62"/>
      <c r="HJC23" s="56"/>
      <c r="HJD23" s="61"/>
      <c r="HJE23" s="61"/>
      <c r="HJF23" s="61"/>
      <c r="HJG23" s="61"/>
      <c r="HJH23" s="62"/>
      <c r="HJI23" s="56"/>
      <c r="HJJ23" s="61"/>
      <c r="HJK23" s="61"/>
      <c r="HJL23" s="61"/>
      <c r="HJM23" s="61"/>
      <c r="HJN23" s="62"/>
      <c r="HJO23" s="56"/>
      <c r="HJP23" s="61"/>
      <c r="HJQ23" s="61"/>
      <c r="HJR23" s="61"/>
      <c r="HJS23" s="61"/>
      <c r="HJT23" s="62"/>
      <c r="HJU23" s="56"/>
      <c r="HJV23" s="61"/>
      <c r="HJW23" s="61"/>
      <c r="HJX23" s="61"/>
      <c r="HJY23" s="61"/>
      <c r="HJZ23" s="62"/>
      <c r="HKA23" s="56"/>
      <c r="HKB23" s="61"/>
      <c r="HKC23" s="61"/>
      <c r="HKD23" s="61"/>
      <c r="HKE23" s="61"/>
      <c r="HKF23" s="62"/>
      <c r="HKG23" s="56"/>
      <c r="HKH23" s="61"/>
      <c r="HKI23" s="61"/>
      <c r="HKJ23" s="61"/>
      <c r="HKK23" s="61"/>
      <c r="HKL23" s="62"/>
      <c r="HKM23" s="56"/>
      <c r="HKN23" s="61"/>
      <c r="HKO23" s="61"/>
      <c r="HKP23" s="61"/>
      <c r="HKQ23" s="61"/>
      <c r="HKR23" s="62"/>
      <c r="HKS23" s="56"/>
      <c r="HKT23" s="61"/>
      <c r="HKU23" s="61"/>
      <c r="HKV23" s="61"/>
      <c r="HKW23" s="61"/>
      <c r="HKX23" s="62"/>
      <c r="HKY23" s="56"/>
      <c r="HKZ23" s="61"/>
      <c r="HLA23" s="61"/>
      <c r="HLB23" s="61"/>
      <c r="HLC23" s="61"/>
      <c r="HLD23" s="62"/>
      <c r="HLE23" s="56"/>
      <c r="HLF23" s="61"/>
      <c r="HLG23" s="61"/>
      <c r="HLH23" s="61"/>
      <c r="HLI23" s="61"/>
      <c r="HLJ23" s="62"/>
      <c r="HLK23" s="56"/>
      <c r="HLL23" s="61"/>
      <c r="HLM23" s="61"/>
      <c r="HLN23" s="61"/>
      <c r="HLO23" s="61"/>
      <c r="HLP23" s="62"/>
      <c r="HLQ23" s="56"/>
      <c r="HLR23" s="61"/>
      <c r="HLS23" s="61"/>
      <c r="HLT23" s="61"/>
      <c r="HLU23" s="61"/>
      <c r="HLV23" s="62"/>
      <c r="HLW23" s="56"/>
      <c r="HLX23" s="61"/>
      <c r="HLY23" s="61"/>
      <c r="HLZ23" s="61"/>
      <c r="HMA23" s="61"/>
      <c r="HMB23" s="62"/>
      <c r="HMC23" s="56"/>
      <c r="HMD23" s="61"/>
      <c r="HME23" s="61"/>
      <c r="HMF23" s="61"/>
      <c r="HMG23" s="61"/>
      <c r="HMH23" s="62"/>
      <c r="HMI23" s="56"/>
      <c r="HMJ23" s="61"/>
      <c r="HMK23" s="61"/>
      <c r="HML23" s="61"/>
      <c r="HMM23" s="61"/>
      <c r="HMN23" s="62"/>
      <c r="HMO23" s="56"/>
      <c r="HMP23" s="61"/>
      <c r="HMQ23" s="61"/>
      <c r="HMR23" s="61"/>
      <c r="HMS23" s="61"/>
      <c r="HMT23" s="62"/>
      <c r="HMU23" s="56"/>
      <c r="HMV23" s="61"/>
      <c r="HMW23" s="61"/>
      <c r="HMX23" s="61"/>
      <c r="HMY23" s="61"/>
      <c r="HMZ23" s="62"/>
      <c r="HNA23" s="56"/>
      <c r="HNB23" s="61"/>
      <c r="HNC23" s="61"/>
      <c r="HND23" s="61"/>
      <c r="HNE23" s="61"/>
      <c r="HNF23" s="62"/>
      <c r="HNG23" s="56"/>
      <c r="HNH23" s="61"/>
      <c r="HNI23" s="61"/>
      <c r="HNJ23" s="61"/>
      <c r="HNK23" s="61"/>
      <c r="HNL23" s="62"/>
      <c r="HNM23" s="56"/>
      <c r="HNN23" s="61"/>
      <c r="HNO23" s="61"/>
      <c r="HNP23" s="61"/>
      <c r="HNQ23" s="61"/>
      <c r="HNR23" s="62"/>
      <c r="HNS23" s="56"/>
      <c r="HNT23" s="61"/>
      <c r="HNU23" s="61"/>
      <c r="HNV23" s="61"/>
      <c r="HNW23" s="61"/>
      <c r="HNX23" s="62"/>
      <c r="HNY23" s="56"/>
      <c r="HNZ23" s="61"/>
      <c r="HOA23" s="61"/>
      <c r="HOB23" s="61"/>
      <c r="HOC23" s="61"/>
      <c r="HOD23" s="62"/>
      <c r="HOE23" s="56"/>
      <c r="HOF23" s="61"/>
      <c r="HOG23" s="61"/>
      <c r="HOH23" s="61"/>
      <c r="HOI23" s="61"/>
      <c r="HOJ23" s="62"/>
      <c r="HOK23" s="56"/>
      <c r="HOL23" s="61"/>
      <c r="HOM23" s="61"/>
      <c r="HON23" s="61"/>
      <c r="HOO23" s="61"/>
      <c r="HOP23" s="62"/>
      <c r="HOQ23" s="56"/>
      <c r="HOR23" s="61"/>
      <c r="HOS23" s="61"/>
      <c r="HOT23" s="61"/>
      <c r="HOU23" s="61"/>
      <c r="HOV23" s="62"/>
      <c r="HOW23" s="56"/>
      <c r="HOX23" s="61"/>
      <c r="HOY23" s="61"/>
      <c r="HOZ23" s="61"/>
      <c r="HPA23" s="61"/>
      <c r="HPB23" s="62"/>
      <c r="HPC23" s="56"/>
      <c r="HPD23" s="61"/>
      <c r="HPE23" s="61"/>
      <c r="HPF23" s="61"/>
      <c r="HPG23" s="61"/>
      <c r="HPH23" s="62"/>
      <c r="HPI23" s="56"/>
      <c r="HPJ23" s="61"/>
      <c r="HPK23" s="61"/>
      <c r="HPL23" s="61"/>
      <c r="HPM23" s="61"/>
      <c r="HPN23" s="62"/>
      <c r="HPO23" s="56"/>
      <c r="HPP23" s="61"/>
      <c r="HPQ23" s="61"/>
      <c r="HPR23" s="61"/>
      <c r="HPS23" s="61"/>
      <c r="HPT23" s="62"/>
      <c r="HPU23" s="56"/>
      <c r="HPV23" s="61"/>
      <c r="HPW23" s="61"/>
      <c r="HPX23" s="61"/>
      <c r="HPY23" s="61"/>
      <c r="HPZ23" s="62"/>
      <c r="HQA23" s="56"/>
      <c r="HQB23" s="61"/>
      <c r="HQC23" s="61"/>
      <c r="HQD23" s="61"/>
      <c r="HQE23" s="61"/>
      <c r="HQF23" s="62"/>
      <c r="HQG23" s="56"/>
      <c r="HQH23" s="61"/>
      <c r="HQI23" s="61"/>
      <c r="HQJ23" s="61"/>
      <c r="HQK23" s="61"/>
      <c r="HQL23" s="62"/>
      <c r="HQM23" s="56"/>
      <c r="HQN23" s="61"/>
      <c r="HQO23" s="61"/>
      <c r="HQP23" s="61"/>
      <c r="HQQ23" s="61"/>
      <c r="HQR23" s="62"/>
      <c r="HQS23" s="56"/>
      <c r="HQT23" s="61"/>
      <c r="HQU23" s="61"/>
      <c r="HQV23" s="61"/>
      <c r="HQW23" s="61"/>
      <c r="HQX23" s="62"/>
      <c r="HQY23" s="56"/>
      <c r="HQZ23" s="61"/>
      <c r="HRA23" s="61"/>
      <c r="HRB23" s="61"/>
      <c r="HRC23" s="61"/>
      <c r="HRD23" s="62"/>
      <c r="HRE23" s="56"/>
      <c r="HRF23" s="61"/>
      <c r="HRG23" s="61"/>
      <c r="HRH23" s="61"/>
      <c r="HRI23" s="61"/>
      <c r="HRJ23" s="62"/>
      <c r="HRK23" s="56"/>
      <c r="HRL23" s="61"/>
      <c r="HRM23" s="61"/>
      <c r="HRN23" s="61"/>
      <c r="HRO23" s="61"/>
      <c r="HRP23" s="62"/>
      <c r="HRQ23" s="56"/>
      <c r="HRR23" s="61"/>
      <c r="HRS23" s="61"/>
      <c r="HRT23" s="61"/>
      <c r="HRU23" s="61"/>
      <c r="HRV23" s="62"/>
      <c r="HRW23" s="56"/>
      <c r="HRX23" s="61"/>
      <c r="HRY23" s="61"/>
      <c r="HRZ23" s="61"/>
      <c r="HSA23" s="61"/>
      <c r="HSB23" s="62"/>
      <c r="HSC23" s="56"/>
      <c r="HSD23" s="61"/>
      <c r="HSE23" s="61"/>
      <c r="HSF23" s="61"/>
      <c r="HSG23" s="61"/>
      <c r="HSH23" s="62"/>
      <c r="HSI23" s="56"/>
      <c r="HSJ23" s="61"/>
      <c r="HSK23" s="61"/>
      <c r="HSL23" s="61"/>
      <c r="HSM23" s="61"/>
      <c r="HSN23" s="62"/>
      <c r="HSO23" s="56"/>
      <c r="HSP23" s="61"/>
      <c r="HSQ23" s="61"/>
      <c r="HSR23" s="61"/>
      <c r="HSS23" s="61"/>
      <c r="HST23" s="62"/>
      <c r="HSU23" s="56"/>
      <c r="HSV23" s="61"/>
      <c r="HSW23" s="61"/>
      <c r="HSX23" s="61"/>
      <c r="HSY23" s="61"/>
      <c r="HSZ23" s="62"/>
      <c r="HTA23" s="56"/>
      <c r="HTB23" s="61"/>
      <c r="HTC23" s="61"/>
      <c r="HTD23" s="61"/>
      <c r="HTE23" s="61"/>
      <c r="HTF23" s="62"/>
      <c r="HTG23" s="56"/>
      <c r="HTH23" s="61"/>
      <c r="HTI23" s="61"/>
      <c r="HTJ23" s="61"/>
      <c r="HTK23" s="61"/>
      <c r="HTL23" s="62"/>
      <c r="HTM23" s="56"/>
      <c r="HTN23" s="61"/>
      <c r="HTO23" s="61"/>
      <c r="HTP23" s="61"/>
      <c r="HTQ23" s="61"/>
      <c r="HTR23" s="62"/>
      <c r="HTS23" s="56"/>
      <c r="HTT23" s="61"/>
      <c r="HTU23" s="61"/>
      <c r="HTV23" s="61"/>
      <c r="HTW23" s="61"/>
      <c r="HTX23" s="62"/>
      <c r="HTY23" s="56"/>
      <c r="HTZ23" s="61"/>
      <c r="HUA23" s="61"/>
      <c r="HUB23" s="61"/>
      <c r="HUC23" s="61"/>
      <c r="HUD23" s="62"/>
      <c r="HUE23" s="56"/>
      <c r="HUF23" s="61"/>
      <c r="HUG23" s="61"/>
      <c r="HUH23" s="61"/>
      <c r="HUI23" s="61"/>
      <c r="HUJ23" s="62"/>
      <c r="HUK23" s="56"/>
      <c r="HUL23" s="61"/>
      <c r="HUM23" s="61"/>
      <c r="HUN23" s="61"/>
      <c r="HUO23" s="61"/>
      <c r="HUP23" s="62"/>
      <c r="HUQ23" s="56"/>
      <c r="HUR23" s="61"/>
      <c r="HUS23" s="61"/>
      <c r="HUT23" s="61"/>
      <c r="HUU23" s="61"/>
      <c r="HUV23" s="62"/>
      <c r="HUW23" s="56"/>
      <c r="HUX23" s="61"/>
      <c r="HUY23" s="61"/>
      <c r="HUZ23" s="61"/>
      <c r="HVA23" s="61"/>
      <c r="HVB23" s="62"/>
      <c r="HVC23" s="56"/>
      <c r="HVD23" s="61"/>
      <c r="HVE23" s="61"/>
      <c r="HVF23" s="61"/>
      <c r="HVG23" s="61"/>
      <c r="HVH23" s="62"/>
      <c r="HVI23" s="56"/>
      <c r="HVJ23" s="61"/>
      <c r="HVK23" s="61"/>
      <c r="HVL23" s="61"/>
      <c r="HVM23" s="61"/>
      <c r="HVN23" s="62"/>
      <c r="HVO23" s="56"/>
      <c r="HVP23" s="61"/>
      <c r="HVQ23" s="61"/>
      <c r="HVR23" s="61"/>
      <c r="HVS23" s="61"/>
      <c r="HVT23" s="62"/>
      <c r="HVU23" s="56"/>
      <c r="HVV23" s="61"/>
      <c r="HVW23" s="61"/>
      <c r="HVX23" s="61"/>
      <c r="HVY23" s="61"/>
      <c r="HVZ23" s="62"/>
      <c r="HWA23" s="56"/>
      <c r="HWB23" s="61"/>
      <c r="HWC23" s="61"/>
      <c r="HWD23" s="61"/>
      <c r="HWE23" s="61"/>
      <c r="HWF23" s="62"/>
      <c r="HWG23" s="56"/>
      <c r="HWH23" s="61"/>
      <c r="HWI23" s="61"/>
      <c r="HWJ23" s="61"/>
      <c r="HWK23" s="61"/>
      <c r="HWL23" s="62"/>
      <c r="HWM23" s="56"/>
      <c r="HWN23" s="61"/>
      <c r="HWO23" s="61"/>
      <c r="HWP23" s="61"/>
      <c r="HWQ23" s="61"/>
      <c r="HWR23" s="62"/>
      <c r="HWS23" s="56"/>
      <c r="HWT23" s="61"/>
      <c r="HWU23" s="61"/>
      <c r="HWV23" s="61"/>
      <c r="HWW23" s="61"/>
      <c r="HWX23" s="62"/>
      <c r="HWY23" s="56"/>
      <c r="HWZ23" s="61"/>
      <c r="HXA23" s="61"/>
      <c r="HXB23" s="61"/>
      <c r="HXC23" s="61"/>
      <c r="HXD23" s="62"/>
      <c r="HXE23" s="56"/>
      <c r="HXF23" s="61"/>
      <c r="HXG23" s="61"/>
      <c r="HXH23" s="61"/>
      <c r="HXI23" s="61"/>
      <c r="HXJ23" s="62"/>
      <c r="HXK23" s="56"/>
      <c r="HXL23" s="61"/>
      <c r="HXM23" s="61"/>
      <c r="HXN23" s="61"/>
      <c r="HXO23" s="61"/>
      <c r="HXP23" s="62"/>
      <c r="HXQ23" s="56"/>
      <c r="HXR23" s="61"/>
      <c r="HXS23" s="61"/>
      <c r="HXT23" s="61"/>
      <c r="HXU23" s="61"/>
      <c r="HXV23" s="62"/>
      <c r="HXW23" s="56"/>
      <c r="HXX23" s="61"/>
      <c r="HXY23" s="61"/>
      <c r="HXZ23" s="61"/>
      <c r="HYA23" s="61"/>
      <c r="HYB23" s="62"/>
      <c r="HYC23" s="56"/>
      <c r="HYD23" s="61"/>
      <c r="HYE23" s="61"/>
      <c r="HYF23" s="61"/>
      <c r="HYG23" s="61"/>
      <c r="HYH23" s="62"/>
      <c r="HYI23" s="56"/>
      <c r="HYJ23" s="61"/>
      <c r="HYK23" s="61"/>
      <c r="HYL23" s="61"/>
      <c r="HYM23" s="61"/>
      <c r="HYN23" s="62"/>
      <c r="HYO23" s="56"/>
      <c r="HYP23" s="61"/>
      <c r="HYQ23" s="61"/>
      <c r="HYR23" s="61"/>
      <c r="HYS23" s="61"/>
      <c r="HYT23" s="62"/>
      <c r="HYU23" s="56"/>
      <c r="HYV23" s="61"/>
      <c r="HYW23" s="61"/>
      <c r="HYX23" s="61"/>
      <c r="HYY23" s="61"/>
      <c r="HYZ23" s="62"/>
      <c r="HZA23" s="56"/>
      <c r="HZB23" s="61"/>
      <c r="HZC23" s="61"/>
      <c r="HZD23" s="61"/>
      <c r="HZE23" s="61"/>
      <c r="HZF23" s="62"/>
      <c r="HZG23" s="56"/>
      <c r="HZH23" s="61"/>
      <c r="HZI23" s="61"/>
      <c r="HZJ23" s="61"/>
      <c r="HZK23" s="61"/>
      <c r="HZL23" s="62"/>
      <c r="HZM23" s="56"/>
      <c r="HZN23" s="61"/>
      <c r="HZO23" s="61"/>
      <c r="HZP23" s="61"/>
      <c r="HZQ23" s="61"/>
      <c r="HZR23" s="62"/>
      <c r="HZS23" s="56"/>
      <c r="HZT23" s="61"/>
      <c r="HZU23" s="61"/>
      <c r="HZV23" s="61"/>
      <c r="HZW23" s="61"/>
      <c r="HZX23" s="62"/>
      <c r="HZY23" s="56"/>
      <c r="HZZ23" s="61"/>
      <c r="IAA23" s="61"/>
      <c r="IAB23" s="61"/>
      <c r="IAC23" s="61"/>
      <c r="IAD23" s="62"/>
      <c r="IAE23" s="56"/>
      <c r="IAF23" s="61"/>
      <c r="IAG23" s="61"/>
      <c r="IAH23" s="61"/>
      <c r="IAI23" s="61"/>
      <c r="IAJ23" s="62"/>
      <c r="IAK23" s="56"/>
      <c r="IAL23" s="61"/>
      <c r="IAM23" s="61"/>
      <c r="IAN23" s="61"/>
      <c r="IAO23" s="61"/>
      <c r="IAP23" s="62"/>
      <c r="IAQ23" s="56"/>
      <c r="IAR23" s="61"/>
      <c r="IAS23" s="61"/>
      <c r="IAT23" s="61"/>
      <c r="IAU23" s="61"/>
      <c r="IAV23" s="62"/>
      <c r="IAW23" s="56"/>
      <c r="IAX23" s="61"/>
      <c r="IAY23" s="61"/>
      <c r="IAZ23" s="61"/>
      <c r="IBA23" s="61"/>
      <c r="IBB23" s="62"/>
      <c r="IBC23" s="56"/>
      <c r="IBD23" s="61"/>
      <c r="IBE23" s="61"/>
      <c r="IBF23" s="61"/>
      <c r="IBG23" s="61"/>
      <c r="IBH23" s="62"/>
      <c r="IBI23" s="56"/>
      <c r="IBJ23" s="61"/>
      <c r="IBK23" s="61"/>
      <c r="IBL23" s="61"/>
      <c r="IBM23" s="61"/>
      <c r="IBN23" s="62"/>
      <c r="IBO23" s="56"/>
      <c r="IBP23" s="61"/>
      <c r="IBQ23" s="61"/>
      <c r="IBR23" s="61"/>
      <c r="IBS23" s="61"/>
      <c r="IBT23" s="62"/>
      <c r="IBU23" s="56"/>
      <c r="IBV23" s="61"/>
      <c r="IBW23" s="61"/>
      <c r="IBX23" s="61"/>
      <c r="IBY23" s="61"/>
      <c r="IBZ23" s="62"/>
      <c r="ICA23" s="56"/>
      <c r="ICB23" s="61"/>
      <c r="ICC23" s="61"/>
      <c r="ICD23" s="61"/>
      <c r="ICE23" s="61"/>
      <c r="ICF23" s="62"/>
      <c r="ICG23" s="56"/>
      <c r="ICH23" s="61"/>
      <c r="ICI23" s="61"/>
      <c r="ICJ23" s="61"/>
      <c r="ICK23" s="61"/>
      <c r="ICL23" s="62"/>
      <c r="ICM23" s="56"/>
      <c r="ICN23" s="61"/>
      <c r="ICO23" s="61"/>
      <c r="ICP23" s="61"/>
      <c r="ICQ23" s="61"/>
      <c r="ICR23" s="62"/>
      <c r="ICS23" s="56"/>
      <c r="ICT23" s="61"/>
      <c r="ICU23" s="61"/>
      <c r="ICV23" s="61"/>
      <c r="ICW23" s="61"/>
      <c r="ICX23" s="62"/>
      <c r="ICY23" s="56"/>
      <c r="ICZ23" s="61"/>
      <c r="IDA23" s="61"/>
      <c r="IDB23" s="61"/>
      <c r="IDC23" s="61"/>
      <c r="IDD23" s="62"/>
      <c r="IDE23" s="56"/>
      <c r="IDF23" s="61"/>
      <c r="IDG23" s="61"/>
      <c r="IDH23" s="61"/>
      <c r="IDI23" s="61"/>
      <c r="IDJ23" s="62"/>
      <c r="IDK23" s="56"/>
      <c r="IDL23" s="61"/>
      <c r="IDM23" s="61"/>
      <c r="IDN23" s="61"/>
      <c r="IDO23" s="61"/>
      <c r="IDP23" s="62"/>
      <c r="IDQ23" s="56"/>
      <c r="IDR23" s="61"/>
      <c r="IDS23" s="61"/>
      <c r="IDT23" s="61"/>
      <c r="IDU23" s="61"/>
      <c r="IDV23" s="62"/>
      <c r="IDW23" s="56"/>
      <c r="IDX23" s="61"/>
      <c r="IDY23" s="61"/>
      <c r="IDZ23" s="61"/>
      <c r="IEA23" s="61"/>
      <c r="IEB23" s="62"/>
      <c r="IEC23" s="56"/>
      <c r="IED23" s="61"/>
      <c r="IEE23" s="61"/>
      <c r="IEF23" s="61"/>
      <c r="IEG23" s="61"/>
      <c r="IEH23" s="62"/>
      <c r="IEI23" s="56"/>
      <c r="IEJ23" s="61"/>
      <c r="IEK23" s="61"/>
      <c r="IEL23" s="61"/>
      <c r="IEM23" s="61"/>
      <c r="IEN23" s="62"/>
      <c r="IEO23" s="56"/>
      <c r="IEP23" s="61"/>
      <c r="IEQ23" s="61"/>
      <c r="IER23" s="61"/>
      <c r="IES23" s="61"/>
      <c r="IET23" s="62"/>
      <c r="IEU23" s="56"/>
      <c r="IEV23" s="61"/>
      <c r="IEW23" s="61"/>
      <c r="IEX23" s="61"/>
      <c r="IEY23" s="61"/>
      <c r="IEZ23" s="62"/>
      <c r="IFA23" s="56"/>
      <c r="IFB23" s="61"/>
      <c r="IFC23" s="61"/>
      <c r="IFD23" s="61"/>
      <c r="IFE23" s="61"/>
      <c r="IFF23" s="62"/>
      <c r="IFG23" s="56"/>
      <c r="IFH23" s="61"/>
      <c r="IFI23" s="61"/>
      <c r="IFJ23" s="61"/>
      <c r="IFK23" s="61"/>
      <c r="IFL23" s="62"/>
      <c r="IFM23" s="56"/>
      <c r="IFN23" s="61"/>
      <c r="IFO23" s="61"/>
      <c r="IFP23" s="61"/>
      <c r="IFQ23" s="61"/>
      <c r="IFR23" s="62"/>
      <c r="IFS23" s="56"/>
      <c r="IFT23" s="61"/>
      <c r="IFU23" s="61"/>
      <c r="IFV23" s="61"/>
      <c r="IFW23" s="61"/>
      <c r="IFX23" s="62"/>
      <c r="IFY23" s="56"/>
      <c r="IFZ23" s="61"/>
      <c r="IGA23" s="61"/>
      <c r="IGB23" s="61"/>
      <c r="IGC23" s="61"/>
      <c r="IGD23" s="62"/>
      <c r="IGE23" s="56"/>
      <c r="IGF23" s="61"/>
      <c r="IGG23" s="61"/>
      <c r="IGH23" s="61"/>
      <c r="IGI23" s="61"/>
      <c r="IGJ23" s="62"/>
      <c r="IGK23" s="56"/>
      <c r="IGL23" s="61"/>
      <c r="IGM23" s="61"/>
      <c r="IGN23" s="61"/>
      <c r="IGO23" s="61"/>
      <c r="IGP23" s="62"/>
      <c r="IGQ23" s="56"/>
      <c r="IGR23" s="61"/>
      <c r="IGS23" s="61"/>
      <c r="IGT23" s="61"/>
      <c r="IGU23" s="61"/>
      <c r="IGV23" s="62"/>
      <c r="IGW23" s="56"/>
      <c r="IGX23" s="61"/>
      <c r="IGY23" s="61"/>
      <c r="IGZ23" s="61"/>
      <c r="IHA23" s="61"/>
      <c r="IHB23" s="62"/>
      <c r="IHC23" s="56"/>
      <c r="IHD23" s="61"/>
      <c r="IHE23" s="61"/>
      <c r="IHF23" s="61"/>
      <c r="IHG23" s="61"/>
      <c r="IHH23" s="62"/>
      <c r="IHI23" s="56"/>
      <c r="IHJ23" s="61"/>
      <c r="IHK23" s="61"/>
      <c r="IHL23" s="61"/>
      <c r="IHM23" s="61"/>
      <c r="IHN23" s="62"/>
      <c r="IHO23" s="56"/>
      <c r="IHP23" s="61"/>
      <c r="IHQ23" s="61"/>
      <c r="IHR23" s="61"/>
      <c r="IHS23" s="61"/>
      <c r="IHT23" s="62"/>
      <c r="IHU23" s="56"/>
      <c r="IHV23" s="61"/>
      <c r="IHW23" s="61"/>
      <c r="IHX23" s="61"/>
      <c r="IHY23" s="61"/>
      <c r="IHZ23" s="62"/>
      <c r="IIA23" s="56"/>
      <c r="IIB23" s="61"/>
      <c r="IIC23" s="61"/>
      <c r="IID23" s="61"/>
      <c r="IIE23" s="61"/>
      <c r="IIF23" s="62"/>
      <c r="IIG23" s="56"/>
      <c r="IIH23" s="61"/>
      <c r="III23" s="61"/>
      <c r="IIJ23" s="61"/>
      <c r="IIK23" s="61"/>
      <c r="IIL23" s="62"/>
      <c r="IIM23" s="56"/>
      <c r="IIN23" s="61"/>
      <c r="IIO23" s="61"/>
      <c r="IIP23" s="61"/>
      <c r="IIQ23" s="61"/>
      <c r="IIR23" s="62"/>
      <c r="IIS23" s="56"/>
      <c r="IIT23" s="61"/>
      <c r="IIU23" s="61"/>
      <c r="IIV23" s="61"/>
      <c r="IIW23" s="61"/>
      <c r="IIX23" s="62"/>
      <c r="IIY23" s="56"/>
      <c r="IIZ23" s="61"/>
      <c r="IJA23" s="61"/>
      <c r="IJB23" s="61"/>
      <c r="IJC23" s="61"/>
      <c r="IJD23" s="62"/>
      <c r="IJE23" s="56"/>
      <c r="IJF23" s="61"/>
      <c r="IJG23" s="61"/>
      <c r="IJH23" s="61"/>
      <c r="IJI23" s="61"/>
      <c r="IJJ23" s="62"/>
      <c r="IJK23" s="56"/>
      <c r="IJL23" s="61"/>
      <c r="IJM23" s="61"/>
      <c r="IJN23" s="61"/>
      <c r="IJO23" s="61"/>
      <c r="IJP23" s="62"/>
      <c r="IJQ23" s="56"/>
      <c r="IJR23" s="61"/>
      <c r="IJS23" s="61"/>
      <c r="IJT23" s="61"/>
      <c r="IJU23" s="61"/>
      <c r="IJV23" s="62"/>
      <c r="IJW23" s="56"/>
      <c r="IJX23" s="61"/>
      <c r="IJY23" s="61"/>
      <c r="IJZ23" s="61"/>
      <c r="IKA23" s="61"/>
      <c r="IKB23" s="62"/>
      <c r="IKC23" s="56"/>
      <c r="IKD23" s="61"/>
      <c r="IKE23" s="61"/>
      <c r="IKF23" s="61"/>
      <c r="IKG23" s="61"/>
      <c r="IKH23" s="62"/>
      <c r="IKI23" s="56"/>
      <c r="IKJ23" s="61"/>
      <c r="IKK23" s="61"/>
      <c r="IKL23" s="61"/>
      <c r="IKM23" s="61"/>
      <c r="IKN23" s="62"/>
      <c r="IKO23" s="56"/>
      <c r="IKP23" s="61"/>
      <c r="IKQ23" s="61"/>
      <c r="IKR23" s="61"/>
      <c r="IKS23" s="61"/>
      <c r="IKT23" s="62"/>
      <c r="IKU23" s="56"/>
      <c r="IKV23" s="61"/>
      <c r="IKW23" s="61"/>
      <c r="IKX23" s="61"/>
      <c r="IKY23" s="61"/>
      <c r="IKZ23" s="62"/>
      <c r="ILA23" s="56"/>
      <c r="ILB23" s="61"/>
      <c r="ILC23" s="61"/>
      <c r="ILD23" s="61"/>
      <c r="ILE23" s="61"/>
      <c r="ILF23" s="62"/>
      <c r="ILG23" s="56"/>
      <c r="ILH23" s="61"/>
      <c r="ILI23" s="61"/>
      <c r="ILJ23" s="61"/>
      <c r="ILK23" s="61"/>
      <c r="ILL23" s="62"/>
      <c r="ILM23" s="56"/>
      <c r="ILN23" s="61"/>
      <c r="ILO23" s="61"/>
      <c r="ILP23" s="61"/>
      <c r="ILQ23" s="61"/>
      <c r="ILR23" s="62"/>
      <c r="ILS23" s="56"/>
      <c r="ILT23" s="61"/>
      <c r="ILU23" s="61"/>
      <c r="ILV23" s="61"/>
      <c r="ILW23" s="61"/>
      <c r="ILX23" s="62"/>
      <c r="ILY23" s="56"/>
      <c r="ILZ23" s="61"/>
      <c r="IMA23" s="61"/>
      <c r="IMB23" s="61"/>
      <c r="IMC23" s="61"/>
      <c r="IMD23" s="62"/>
      <c r="IME23" s="56"/>
      <c r="IMF23" s="61"/>
      <c r="IMG23" s="61"/>
      <c r="IMH23" s="61"/>
      <c r="IMI23" s="61"/>
      <c r="IMJ23" s="62"/>
      <c r="IMK23" s="56"/>
      <c r="IML23" s="61"/>
      <c r="IMM23" s="61"/>
      <c r="IMN23" s="61"/>
      <c r="IMO23" s="61"/>
      <c r="IMP23" s="62"/>
      <c r="IMQ23" s="56"/>
      <c r="IMR23" s="61"/>
      <c r="IMS23" s="61"/>
      <c r="IMT23" s="61"/>
      <c r="IMU23" s="61"/>
      <c r="IMV23" s="62"/>
      <c r="IMW23" s="56"/>
      <c r="IMX23" s="61"/>
      <c r="IMY23" s="61"/>
      <c r="IMZ23" s="61"/>
      <c r="INA23" s="61"/>
      <c r="INB23" s="62"/>
      <c r="INC23" s="56"/>
      <c r="IND23" s="61"/>
      <c r="INE23" s="61"/>
      <c r="INF23" s="61"/>
      <c r="ING23" s="61"/>
      <c r="INH23" s="62"/>
      <c r="INI23" s="56"/>
      <c r="INJ23" s="61"/>
      <c r="INK23" s="61"/>
      <c r="INL23" s="61"/>
      <c r="INM23" s="61"/>
      <c r="INN23" s="62"/>
      <c r="INO23" s="56"/>
      <c r="INP23" s="61"/>
      <c r="INQ23" s="61"/>
      <c r="INR23" s="61"/>
      <c r="INS23" s="61"/>
      <c r="INT23" s="62"/>
      <c r="INU23" s="56"/>
      <c r="INV23" s="61"/>
      <c r="INW23" s="61"/>
      <c r="INX23" s="61"/>
      <c r="INY23" s="61"/>
      <c r="INZ23" s="62"/>
      <c r="IOA23" s="56"/>
      <c r="IOB23" s="61"/>
      <c r="IOC23" s="61"/>
      <c r="IOD23" s="61"/>
      <c r="IOE23" s="61"/>
      <c r="IOF23" s="62"/>
      <c r="IOG23" s="56"/>
      <c r="IOH23" s="61"/>
      <c r="IOI23" s="61"/>
      <c r="IOJ23" s="61"/>
      <c r="IOK23" s="61"/>
      <c r="IOL23" s="62"/>
      <c r="IOM23" s="56"/>
      <c r="ION23" s="61"/>
      <c r="IOO23" s="61"/>
      <c r="IOP23" s="61"/>
      <c r="IOQ23" s="61"/>
      <c r="IOR23" s="62"/>
      <c r="IOS23" s="56"/>
      <c r="IOT23" s="61"/>
      <c r="IOU23" s="61"/>
      <c r="IOV23" s="61"/>
      <c r="IOW23" s="61"/>
      <c r="IOX23" s="62"/>
      <c r="IOY23" s="56"/>
      <c r="IOZ23" s="61"/>
      <c r="IPA23" s="61"/>
      <c r="IPB23" s="61"/>
      <c r="IPC23" s="61"/>
      <c r="IPD23" s="62"/>
      <c r="IPE23" s="56"/>
      <c r="IPF23" s="61"/>
      <c r="IPG23" s="61"/>
      <c r="IPH23" s="61"/>
      <c r="IPI23" s="61"/>
      <c r="IPJ23" s="62"/>
      <c r="IPK23" s="56"/>
      <c r="IPL23" s="61"/>
      <c r="IPM23" s="61"/>
      <c r="IPN23" s="61"/>
      <c r="IPO23" s="61"/>
      <c r="IPP23" s="62"/>
      <c r="IPQ23" s="56"/>
      <c r="IPR23" s="61"/>
      <c r="IPS23" s="61"/>
      <c r="IPT23" s="61"/>
      <c r="IPU23" s="61"/>
      <c r="IPV23" s="62"/>
      <c r="IPW23" s="56"/>
      <c r="IPX23" s="61"/>
      <c r="IPY23" s="61"/>
      <c r="IPZ23" s="61"/>
      <c r="IQA23" s="61"/>
      <c r="IQB23" s="62"/>
      <c r="IQC23" s="56"/>
      <c r="IQD23" s="61"/>
      <c r="IQE23" s="61"/>
      <c r="IQF23" s="61"/>
      <c r="IQG23" s="61"/>
      <c r="IQH23" s="62"/>
      <c r="IQI23" s="56"/>
      <c r="IQJ23" s="61"/>
      <c r="IQK23" s="61"/>
      <c r="IQL23" s="61"/>
      <c r="IQM23" s="61"/>
      <c r="IQN23" s="62"/>
      <c r="IQO23" s="56"/>
      <c r="IQP23" s="61"/>
      <c r="IQQ23" s="61"/>
      <c r="IQR23" s="61"/>
      <c r="IQS23" s="61"/>
      <c r="IQT23" s="62"/>
      <c r="IQU23" s="56"/>
      <c r="IQV23" s="61"/>
      <c r="IQW23" s="61"/>
      <c r="IQX23" s="61"/>
      <c r="IQY23" s="61"/>
      <c r="IQZ23" s="62"/>
      <c r="IRA23" s="56"/>
      <c r="IRB23" s="61"/>
      <c r="IRC23" s="61"/>
      <c r="IRD23" s="61"/>
      <c r="IRE23" s="61"/>
      <c r="IRF23" s="62"/>
      <c r="IRG23" s="56"/>
      <c r="IRH23" s="61"/>
      <c r="IRI23" s="61"/>
      <c r="IRJ23" s="61"/>
      <c r="IRK23" s="61"/>
      <c r="IRL23" s="62"/>
      <c r="IRM23" s="56"/>
      <c r="IRN23" s="61"/>
      <c r="IRO23" s="61"/>
      <c r="IRP23" s="61"/>
      <c r="IRQ23" s="61"/>
      <c r="IRR23" s="62"/>
      <c r="IRS23" s="56"/>
      <c r="IRT23" s="61"/>
      <c r="IRU23" s="61"/>
      <c r="IRV23" s="61"/>
      <c r="IRW23" s="61"/>
      <c r="IRX23" s="62"/>
      <c r="IRY23" s="56"/>
      <c r="IRZ23" s="61"/>
      <c r="ISA23" s="61"/>
      <c r="ISB23" s="61"/>
      <c r="ISC23" s="61"/>
      <c r="ISD23" s="62"/>
      <c r="ISE23" s="56"/>
      <c r="ISF23" s="61"/>
      <c r="ISG23" s="61"/>
      <c r="ISH23" s="61"/>
      <c r="ISI23" s="61"/>
      <c r="ISJ23" s="62"/>
      <c r="ISK23" s="56"/>
      <c r="ISL23" s="61"/>
      <c r="ISM23" s="61"/>
      <c r="ISN23" s="61"/>
      <c r="ISO23" s="61"/>
      <c r="ISP23" s="62"/>
      <c r="ISQ23" s="56"/>
      <c r="ISR23" s="61"/>
      <c r="ISS23" s="61"/>
      <c r="IST23" s="61"/>
      <c r="ISU23" s="61"/>
      <c r="ISV23" s="62"/>
      <c r="ISW23" s="56"/>
      <c r="ISX23" s="61"/>
      <c r="ISY23" s="61"/>
      <c r="ISZ23" s="61"/>
      <c r="ITA23" s="61"/>
      <c r="ITB23" s="62"/>
      <c r="ITC23" s="56"/>
      <c r="ITD23" s="61"/>
      <c r="ITE23" s="61"/>
      <c r="ITF23" s="61"/>
      <c r="ITG23" s="61"/>
      <c r="ITH23" s="62"/>
      <c r="ITI23" s="56"/>
      <c r="ITJ23" s="61"/>
      <c r="ITK23" s="61"/>
      <c r="ITL23" s="61"/>
      <c r="ITM23" s="61"/>
      <c r="ITN23" s="62"/>
      <c r="ITO23" s="56"/>
      <c r="ITP23" s="61"/>
      <c r="ITQ23" s="61"/>
      <c r="ITR23" s="61"/>
      <c r="ITS23" s="61"/>
      <c r="ITT23" s="62"/>
      <c r="ITU23" s="56"/>
      <c r="ITV23" s="61"/>
      <c r="ITW23" s="61"/>
      <c r="ITX23" s="61"/>
      <c r="ITY23" s="61"/>
      <c r="ITZ23" s="62"/>
      <c r="IUA23" s="56"/>
      <c r="IUB23" s="61"/>
      <c r="IUC23" s="61"/>
      <c r="IUD23" s="61"/>
      <c r="IUE23" s="61"/>
      <c r="IUF23" s="62"/>
      <c r="IUG23" s="56"/>
      <c r="IUH23" s="61"/>
      <c r="IUI23" s="61"/>
      <c r="IUJ23" s="61"/>
      <c r="IUK23" s="61"/>
      <c r="IUL23" s="62"/>
      <c r="IUM23" s="56"/>
      <c r="IUN23" s="61"/>
      <c r="IUO23" s="61"/>
      <c r="IUP23" s="61"/>
      <c r="IUQ23" s="61"/>
      <c r="IUR23" s="62"/>
      <c r="IUS23" s="56"/>
      <c r="IUT23" s="61"/>
      <c r="IUU23" s="61"/>
      <c r="IUV23" s="61"/>
      <c r="IUW23" s="61"/>
      <c r="IUX23" s="62"/>
      <c r="IUY23" s="56"/>
      <c r="IUZ23" s="61"/>
      <c r="IVA23" s="61"/>
      <c r="IVB23" s="61"/>
      <c r="IVC23" s="61"/>
      <c r="IVD23" s="62"/>
      <c r="IVE23" s="56"/>
      <c r="IVF23" s="61"/>
      <c r="IVG23" s="61"/>
      <c r="IVH23" s="61"/>
      <c r="IVI23" s="61"/>
      <c r="IVJ23" s="62"/>
      <c r="IVK23" s="56"/>
      <c r="IVL23" s="61"/>
      <c r="IVM23" s="61"/>
      <c r="IVN23" s="61"/>
      <c r="IVO23" s="61"/>
      <c r="IVP23" s="62"/>
      <c r="IVQ23" s="56"/>
      <c r="IVR23" s="61"/>
      <c r="IVS23" s="61"/>
      <c r="IVT23" s="61"/>
      <c r="IVU23" s="61"/>
      <c r="IVV23" s="62"/>
      <c r="IVW23" s="56"/>
      <c r="IVX23" s="61"/>
      <c r="IVY23" s="61"/>
      <c r="IVZ23" s="61"/>
      <c r="IWA23" s="61"/>
      <c r="IWB23" s="62"/>
      <c r="IWC23" s="56"/>
      <c r="IWD23" s="61"/>
      <c r="IWE23" s="61"/>
      <c r="IWF23" s="61"/>
      <c r="IWG23" s="61"/>
      <c r="IWH23" s="62"/>
      <c r="IWI23" s="56"/>
      <c r="IWJ23" s="61"/>
      <c r="IWK23" s="61"/>
      <c r="IWL23" s="61"/>
      <c r="IWM23" s="61"/>
      <c r="IWN23" s="62"/>
      <c r="IWO23" s="56"/>
      <c r="IWP23" s="61"/>
      <c r="IWQ23" s="61"/>
      <c r="IWR23" s="61"/>
      <c r="IWS23" s="61"/>
      <c r="IWT23" s="62"/>
      <c r="IWU23" s="56"/>
      <c r="IWV23" s="61"/>
      <c r="IWW23" s="61"/>
      <c r="IWX23" s="61"/>
      <c r="IWY23" s="61"/>
      <c r="IWZ23" s="62"/>
      <c r="IXA23" s="56"/>
      <c r="IXB23" s="61"/>
      <c r="IXC23" s="61"/>
      <c r="IXD23" s="61"/>
      <c r="IXE23" s="61"/>
      <c r="IXF23" s="62"/>
      <c r="IXG23" s="56"/>
      <c r="IXH23" s="61"/>
      <c r="IXI23" s="61"/>
      <c r="IXJ23" s="61"/>
      <c r="IXK23" s="61"/>
      <c r="IXL23" s="62"/>
      <c r="IXM23" s="56"/>
      <c r="IXN23" s="61"/>
      <c r="IXO23" s="61"/>
      <c r="IXP23" s="61"/>
      <c r="IXQ23" s="61"/>
      <c r="IXR23" s="62"/>
      <c r="IXS23" s="56"/>
      <c r="IXT23" s="61"/>
      <c r="IXU23" s="61"/>
      <c r="IXV23" s="61"/>
      <c r="IXW23" s="61"/>
      <c r="IXX23" s="62"/>
      <c r="IXY23" s="56"/>
      <c r="IXZ23" s="61"/>
      <c r="IYA23" s="61"/>
      <c r="IYB23" s="61"/>
      <c r="IYC23" s="61"/>
      <c r="IYD23" s="62"/>
      <c r="IYE23" s="56"/>
      <c r="IYF23" s="61"/>
      <c r="IYG23" s="61"/>
      <c r="IYH23" s="61"/>
      <c r="IYI23" s="61"/>
      <c r="IYJ23" s="62"/>
      <c r="IYK23" s="56"/>
      <c r="IYL23" s="61"/>
      <c r="IYM23" s="61"/>
      <c r="IYN23" s="61"/>
      <c r="IYO23" s="61"/>
      <c r="IYP23" s="62"/>
      <c r="IYQ23" s="56"/>
      <c r="IYR23" s="61"/>
      <c r="IYS23" s="61"/>
      <c r="IYT23" s="61"/>
      <c r="IYU23" s="61"/>
      <c r="IYV23" s="62"/>
      <c r="IYW23" s="56"/>
      <c r="IYX23" s="61"/>
      <c r="IYY23" s="61"/>
      <c r="IYZ23" s="61"/>
      <c r="IZA23" s="61"/>
      <c r="IZB23" s="62"/>
      <c r="IZC23" s="56"/>
      <c r="IZD23" s="61"/>
      <c r="IZE23" s="61"/>
      <c r="IZF23" s="61"/>
      <c r="IZG23" s="61"/>
      <c r="IZH23" s="62"/>
      <c r="IZI23" s="56"/>
      <c r="IZJ23" s="61"/>
      <c r="IZK23" s="61"/>
      <c r="IZL23" s="61"/>
      <c r="IZM23" s="61"/>
      <c r="IZN23" s="62"/>
      <c r="IZO23" s="56"/>
      <c r="IZP23" s="61"/>
      <c r="IZQ23" s="61"/>
      <c r="IZR23" s="61"/>
      <c r="IZS23" s="61"/>
      <c r="IZT23" s="62"/>
      <c r="IZU23" s="56"/>
      <c r="IZV23" s="61"/>
      <c r="IZW23" s="61"/>
      <c r="IZX23" s="61"/>
      <c r="IZY23" s="61"/>
      <c r="IZZ23" s="62"/>
      <c r="JAA23" s="56"/>
      <c r="JAB23" s="61"/>
      <c r="JAC23" s="61"/>
      <c r="JAD23" s="61"/>
      <c r="JAE23" s="61"/>
      <c r="JAF23" s="62"/>
      <c r="JAG23" s="56"/>
      <c r="JAH23" s="61"/>
      <c r="JAI23" s="61"/>
      <c r="JAJ23" s="61"/>
      <c r="JAK23" s="61"/>
      <c r="JAL23" s="62"/>
      <c r="JAM23" s="56"/>
      <c r="JAN23" s="61"/>
      <c r="JAO23" s="61"/>
      <c r="JAP23" s="61"/>
      <c r="JAQ23" s="61"/>
      <c r="JAR23" s="62"/>
      <c r="JAS23" s="56"/>
      <c r="JAT23" s="61"/>
      <c r="JAU23" s="61"/>
      <c r="JAV23" s="61"/>
      <c r="JAW23" s="61"/>
      <c r="JAX23" s="62"/>
      <c r="JAY23" s="56"/>
      <c r="JAZ23" s="61"/>
      <c r="JBA23" s="61"/>
      <c r="JBB23" s="61"/>
      <c r="JBC23" s="61"/>
      <c r="JBD23" s="62"/>
      <c r="JBE23" s="56"/>
      <c r="JBF23" s="61"/>
      <c r="JBG23" s="61"/>
      <c r="JBH23" s="61"/>
      <c r="JBI23" s="61"/>
      <c r="JBJ23" s="62"/>
      <c r="JBK23" s="56"/>
      <c r="JBL23" s="61"/>
      <c r="JBM23" s="61"/>
      <c r="JBN23" s="61"/>
      <c r="JBO23" s="61"/>
      <c r="JBP23" s="62"/>
      <c r="JBQ23" s="56"/>
      <c r="JBR23" s="61"/>
      <c r="JBS23" s="61"/>
      <c r="JBT23" s="61"/>
      <c r="JBU23" s="61"/>
      <c r="JBV23" s="62"/>
      <c r="JBW23" s="56"/>
      <c r="JBX23" s="61"/>
      <c r="JBY23" s="61"/>
      <c r="JBZ23" s="61"/>
      <c r="JCA23" s="61"/>
      <c r="JCB23" s="62"/>
      <c r="JCC23" s="56"/>
      <c r="JCD23" s="61"/>
      <c r="JCE23" s="61"/>
      <c r="JCF23" s="61"/>
      <c r="JCG23" s="61"/>
      <c r="JCH23" s="62"/>
      <c r="JCI23" s="56"/>
      <c r="JCJ23" s="61"/>
      <c r="JCK23" s="61"/>
      <c r="JCL23" s="61"/>
      <c r="JCM23" s="61"/>
      <c r="JCN23" s="62"/>
      <c r="JCO23" s="56"/>
      <c r="JCP23" s="61"/>
      <c r="JCQ23" s="61"/>
      <c r="JCR23" s="61"/>
      <c r="JCS23" s="61"/>
      <c r="JCT23" s="62"/>
      <c r="JCU23" s="56"/>
      <c r="JCV23" s="61"/>
      <c r="JCW23" s="61"/>
      <c r="JCX23" s="61"/>
      <c r="JCY23" s="61"/>
      <c r="JCZ23" s="62"/>
      <c r="JDA23" s="56"/>
      <c r="JDB23" s="61"/>
      <c r="JDC23" s="61"/>
      <c r="JDD23" s="61"/>
      <c r="JDE23" s="61"/>
      <c r="JDF23" s="62"/>
      <c r="JDG23" s="56"/>
      <c r="JDH23" s="61"/>
      <c r="JDI23" s="61"/>
      <c r="JDJ23" s="61"/>
      <c r="JDK23" s="61"/>
      <c r="JDL23" s="62"/>
      <c r="JDM23" s="56"/>
      <c r="JDN23" s="61"/>
      <c r="JDO23" s="61"/>
      <c r="JDP23" s="61"/>
      <c r="JDQ23" s="61"/>
      <c r="JDR23" s="62"/>
      <c r="JDS23" s="56"/>
      <c r="JDT23" s="61"/>
      <c r="JDU23" s="61"/>
      <c r="JDV23" s="61"/>
      <c r="JDW23" s="61"/>
      <c r="JDX23" s="62"/>
      <c r="JDY23" s="56"/>
      <c r="JDZ23" s="61"/>
      <c r="JEA23" s="61"/>
      <c r="JEB23" s="61"/>
      <c r="JEC23" s="61"/>
      <c r="JED23" s="62"/>
      <c r="JEE23" s="56"/>
      <c r="JEF23" s="61"/>
      <c r="JEG23" s="61"/>
      <c r="JEH23" s="61"/>
      <c r="JEI23" s="61"/>
      <c r="JEJ23" s="62"/>
      <c r="JEK23" s="56"/>
      <c r="JEL23" s="61"/>
      <c r="JEM23" s="61"/>
      <c r="JEN23" s="61"/>
      <c r="JEO23" s="61"/>
      <c r="JEP23" s="62"/>
      <c r="JEQ23" s="56"/>
      <c r="JER23" s="61"/>
      <c r="JES23" s="61"/>
      <c r="JET23" s="61"/>
      <c r="JEU23" s="61"/>
      <c r="JEV23" s="62"/>
      <c r="JEW23" s="56"/>
      <c r="JEX23" s="61"/>
      <c r="JEY23" s="61"/>
      <c r="JEZ23" s="61"/>
      <c r="JFA23" s="61"/>
      <c r="JFB23" s="62"/>
      <c r="JFC23" s="56"/>
      <c r="JFD23" s="61"/>
      <c r="JFE23" s="61"/>
      <c r="JFF23" s="61"/>
      <c r="JFG23" s="61"/>
      <c r="JFH23" s="62"/>
      <c r="JFI23" s="56"/>
      <c r="JFJ23" s="61"/>
      <c r="JFK23" s="61"/>
      <c r="JFL23" s="61"/>
      <c r="JFM23" s="61"/>
      <c r="JFN23" s="62"/>
      <c r="JFO23" s="56"/>
      <c r="JFP23" s="61"/>
      <c r="JFQ23" s="61"/>
      <c r="JFR23" s="61"/>
      <c r="JFS23" s="61"/>
      <c r="JFT23" s="62"/>
      <c r="JFU23" s="56"/>
      <c r="JFV23" s="61"/>
      <c r="JFW23" s="61"/>
      <c r="JFX23" s="61"/>
      <c r="JFY23" s="61"/>
      <c r="JFZ23" s="62"/>
      <c r="JGA23" s="56"/>
      <c r="JGB23" s="61"/>
      <c r="JGC23" s="61"/>
      <c r="JGD23" s="61"/>
      <c r="JGE23" s="61"/>
      <c r="JGF23" s="62"/>
      <c r="JGG23" s="56"/>
      <c r="JGH23" s="61"/>
      <c r="JGI23" s="61"/>
      <c r="JGJ23" s="61"/>
      <c r="JGK23" s="61"/>
      <c r="JGL23" s="62"/>
      <c r="JGM23" s="56"/>
      <c r="JGN23" s="61"/>
      <c r="JGO23" s="61"/>
      <c r="JGP23" s="61"/>
      <c r="JGQ23" s="61"/>
      <c r="JGR23" s="62"/>
      <c r="JGS23" s="56"/>
      <c r="JGT23" s="61"/>
      <c r="JGU23" s="61"/>
      <c r="JGV23" s="61"/>
      <c r="JGW23" s="61"/>
      <c r="JGX23" s="62"/>
      <c r="JGY23" s="56"/>
      <c r="JGZ23" s="61"/>
      <c r="JHA23" s="61"/>
      <c r="JHB23" s="61"/>
      <c r="JHC23" s="61"/>
      <c r="JHD23" s="62"/>
      <c r="JHE23" s="56"/>
      <c r="JHF23" s="61"/>
      <c r="JHG23" s="61"/>
      <c r="JHH23" s="61"/>
      <c r="JHI23" s="61"/>
      <c r="JHJ23" s="62"/>
      <c r="JHK23" s="56"/>
      <c r="JHL23" s="61"/>
      <c r="JHM23" s="61"/>
      <c r="JHN23" s="61"/>
      <c r="JHO23" s="61"/>
      <c r="JHP23" s="62"/>
      <c r="JHQ23" s="56"/>
      <c r="JHR23" s="61"/>
      <c r="JHS23" s="61"/>
      <c r="JHT23" s="61"/>
      <c r="JHU23" s="61"/>
      <c r="JHV23" s="62"/>
      <c r="JHW23" s="56"/>
      <c r="JHX23" s="61"/>
      <c r="JHY23" s="61"/>
      <c r="JHZ23" s="61"/>
      <c r="JIA23" s="61"/>
      <c r="JIB23" s="62"/>
      <c r="JIC23" s="56"/>
      <c r="JID23" s="61"/>
      <c r="JIE23" s="61"/>
      <c r="JIF23" s="61"/>
      <c r="JIG23" s="61"/>
      <c r="JIH23" s="62"/>
      <c r="JII23" s="56"/>
      <c r="JIJ23" s="61"/>
      <c r="JIK23" s="61"/>
      <c r="JIL23" s="61"/>
      <c r="JIM23" s="61"/>
      <c r="JIN23" s="62"/>
      <c r="JIO23" s="56"/>
      <c r="JIP23" s="61"/>
      <c r="JIQ23" s="61"/>
      <c r="JIR23" s="61"/>
      <c r="JIS23" s="61"/>
      <c r="JIT23" s="62"/>
      <c r="JIU23" s="56"/>
      <c r="JIV23" s="61"/>
      <c r="JIW23" s="61"/>
      <c r="JIX23" s="61"/>
      <c r="JIY23" s="61"/>
      <c r="JIZ23" s="62"/>
      <c r="JJA23" s="56"/>
      <c r="JJB23" s="61"/>
      <c r="JJC23" s="61"/>
      <c r="JJD23" s="61"/>
      <c r="JJE23" s="61"/>
      <c r="JJF23" s="62"/>
      <c r="JJG23" s="56"/>
      <c r="JJH23" s="61"/>
      <c r="JJI23" s="61"/>
      <c r="JJJ23" s="61"/>
      <c r="JJK23" s="61"/>
      <c r="JJL23" s="62"/>
      <c r="JJM23" s="56"/>
      <c r="JJN23" s="61"/>
      <c r="JJO23" s="61"/>
      <c r="JJP23" s="61"/>
      <c r="JJQ23" s="61"/>
      <c r="JJR23" s="62"/>
      <c r="JJS23" s="56"/>
      <c r="JJT23" s="61"/>
      <c r="JJU23" s="61"/>
      <c r="JJV23" s="61"/>
      <c r="JJW23" s="61"/>
      <c r="JJX23" s="62"/>
      <c r="JJY23" s="56"/>
      <c r="JJZ23" s="61"/>
      <c r="JKA23" s="61"/>
      <c r="JKB23" s="61"/>
      <c r="JKC23" s="61"/>
      <c r="JKD23" s="62"/>
      <c r="JKE23" s="56"/>
      <c r="JKF23" s="61"/>
      <c r="JKG23" s="61"/>
      <c r="JKH23" s="61"/>
      <c r="JKI23" s="61"/>
      <c r="JKJ23" s="62"/>
      <c r="JKK23" s="56"/>
      <c r="JKL23" s="61"/>
      <c r="JKM23" s="61"/>
      <c r="JKN23" s="61"/>
      <c r="JKO23" s="61"/>
      <c r="JKP23" s="62"/>
      <c r="JKQ23" s="56"/>
      <c r="JKR23" s="61"/>
      <c r="JKS23" s="61"/>
      <c r="JKT23" s="61"/>
      <c r="JKU23" s="61"/>
      <c r="JKV23" s="62"/>
      <c r="JKW23" s="56"/>
      <c r="JKX23" s="61"/>
      <c r="JKY23" s="61"/>
      <c r="JKZ23" s="61"/>
      <c r="JLA23" s="61"/>
      <c r="JLB23" s="62"/>
      <c r="JLC23" s="56"/>
      <c r="JLD23" s="61"/>
      <c r="JLE23" s="61"/>
      <c r="JLF23" s="61"/>
      <c r="JLG23" s="61"/>
      <c r="JLH23" s="62"/>
      <c r="JLI23" s="56"/>
      <c r="JLJ23" s="61"/>
      <c r="JLK23" s="61"/>
      <c r="JLL23" s="61"/>
      <c r="JLM23" s="61"/>
      <c r="JLN23" s="62"/>
      <c r="JLO23" s="56"/>
      <c r="JLP23" s="61"/>
      <c r="JLQ23" s="61"/>
      <c r="JLR23" s="61"/>
      <c r="JLS23" s="61"/>
      <c r="JLT23" s="62"/>
      <c r="JLU23" s="56"/>
      <c r="JLV23" s="61"/>
      <c r="JLW23" s="61"/>
      <c r="JLX23" s="61"/>
      <c r="JLY23" s="61"/>
      <c r="JLZ23" s="62"/>
      <c r="JMA23" s="56"/>
      <c r="JMB23" s="61"/>
      <c r="JMC23" s="61"/>
      <c r="JMD23" s="61"/>
      <c r="JME23" s="61"/>
      <c r="JMF23" s="62"/>
      <c r="JMG23" s="56"/>
      <c r="JMH23" s="61"/>
      <c r="JMI23" s="61"/>
      <c r="JMJ23" s="61"/>
      <c r="JMK23" s="61"/>
      <c r="JML23" s="62"/>
      <c r="JMM23" s="56"/>
      <c r="JMN23" s="61"/>
      <c r="JMO23" s="61"/>
      <c r="JMP23" s="61"/>
      <c r="JMQ23" s="61"/>
      <c r="JMR23" s="62"/>
      <c r="JMS23" s="56"/>
      <c r="JMT23" s="61"/>
      <c r="JMU23" s="61"/>
      <c r="JMV23" s="61"/>
      <c r="JMW23" s="61"/>
      <c r="JMX23" s="62"/>
      <c r="JMY23" s="56"/>
      <c r="JMZ23" s="61"/>
      <c r="JNA23" s="61"/>
      <c r="JNB23" s="61"/>
      <c r="JNC23" s="61"/>
      <c r="JND23" s="62"/>
      <c r="JNE23" s="56"/>
      <c r="JNF23" s="61"/>
      <c r="JNG23" s="61"/>
      <c r="JNH23" s="61"/>
      <c r="JNI23" s="61"/>
      <c r="JNJ23" s="62"/>
      <c r="JNK23" s="56"/>
      <c r="JNL23" s="61"/>
      <c r="JNM23" s="61"/>
      <c r="JNN23" s="61"/>
      <c r="JNO23" s="61"/>
      <c r="JNP23" s="62"/>
      <c r="JNQ23" s="56"/>
      <c r="JNR23" s="61"/>
      <c r="JNS23" s="61"/>
      <c r="JNT23" s="61"/>
      <c r="JNU23" s="61"/>
      <c r="JNV23" s="62"/>
      <c r="JNW23" s="56"/>
      <c r="JNX23" s="61"/>
      <c r="JNY23" s="61"/>
      <c r="JNZ23" s="61"/>
      <c r="JOA23" s="61"/>
      <c r="JOB23" s="62"/>
      <c r="JOC23" s="56"/>
      <c r="JOD23" s="61"/>
      <c r="JOE23" s="61"/>
      <c r="JOF23" s="61"/>
      <c r="JOG23" s="61"/>
      <c r="JOH23" s="62"/>
      <c r="JOI23" s="56"/>
      <c r="JOJ23" s="61"/>
      <c r="JOK23" s="61"/>
      <c r="JOL23" s="61"/>
      <c r="JOM23" s="61"/>
      <c r="JON23" s="62"/>
      <c r="JOO23" s="56"/>
      <c r="JOP23" s="61"/>
      <c r="JOQ23" s="61"/>
      <c r="JOR23" s="61"/>
      <c r="JOS23" s="61"/>
      <c r="JOT23" s="62"/>
      <c r="JOU23" s="56"/>
      <c r="JOV23" s="61"/>
      <c r="JOW23" s="61"/>
      <c r="JOX23" s="61"/>
      <c r="JOY23" s="61"/>
      <c r="JOZ23" s="62"/>
      <c r="JPA23" s="56"/>
      <c r="JPB23" s="61"/>
      <c r="JPC23" s="61"/>
      <c r="JPD23" s="61"/>
      <c r="JPE23" s="61"/>
      <c r="JPF23" s="62"/>
      <c r="JPG23" s="56"/>
      <c r="JPH23" s="61"/>
      <c r="JPI23" s="61"/>
      <c r="JPJ23" s="61"/>
      <c r="JPK23" s="61"/>
      <c r="JPL23" s="62"/>
      <c r="JPM23" s="56"/>
      <c r="JPN23" s="61"/>
      <c r="JPO23" s="61"/>
      <c r="JPP23" s="61"/>
      <c r="JPQ23" s="61"/>
      <c r="JPR23" s="62"/>
      <c r="JPS23" s="56"/>
      <c r="JPT23" s="61"/>
      <c r="JPU23" s="61"/>
      <c r="JPV23" s="61"/>
      <c r="JPW23" s="61"/>
      <c r="JPX23" s="62"/>
      <c r="JPY23" s="56"/>
      <c r="JPZ23" s="61"/>
      <c r="JQA23" s="61"/>
      <c r="JQB23" s="61"/>
      <c r="JQC23" s="61"/>
      <c r="JQD23" s="62"/>
      <c r="JQE23" s="56"/>
      <c r="JQF23" s="61"/>
      <c r="JQG23" s="61"/>
      <c r="JQH23" s="61"/>
      <c r="JQI23" s="61"/>
      <c r="JQJ23" s="62"/>
      <c r="JQK23" s="56"/>
      <c r="JQL23" s="61"/>
      <c r="JQM23" s="61"/>
      <c r="JQN23" s="61"/>
      <c r="JQO23" s="61"/>
      <c r="JQP23" s="62"/>
      <c r="JQQ23" s="56"/>
      <c r="JQR23" s="61"/>
      <c r="JQS23" s="61"/>
      <c r="JQT23" s="61"/>
      <c r="JQU23" s="61"/>
      <c r="JQV23" s="62"/>
      <c r="JQW23" s="56"/>
      <c r="JQX23" s="61"/>
      <c r="JQY23" s="61"/>
      <c r="JQZ23" s="61"/>
      <c r="JRA23" s="61"/>
      <c r="JRB23" s="62"/>
      <c r="JRC23" s="56"/>
      <c r="JRD23" s="61"/>
      <c r="JRE23" s="61"/>
      <c r="JRF23" s="61"/>
      <c r="JRG23" s="61"/>
      <c r="JRH23" s="62"/>
      <c r="JRI23" s="56"/>
      <c r="JRJ23" s="61"/>
      <c r="JRK23" s="61"/>
      <c r="JRL23" s="61"/>
      <c r="JRM23" s="61"/>
      <c r="JRN23" s="62"/>
      <c r="JRO23" s="56"/>
      <c r="JRP23" s="61"/>
      <c r="JRQ23" s="61"/>
      <c r="JRR23" s="61"/>
      <c r="JRS23" s="61"/>
      <c r="JRT23" s="62"/>
      <c r="JRU23" s="56"/>
      <c r="JRV23" s="61"/>
      <c r="JRW23" s="61"/>
      <c r="JRX23" s="61"/>
      <c r="JRY23" s="61"/>
      <c r="JRZ23" s="62"/>
      <c r="JSA23" s="56"/>
      <c r="JSB23" s="61"/>
      <c r="JSC23" s="61"/>
      <c r="JSD23" s="61"/>
      <c r="JSE23" s="61"/>
      <c r="JSF23" s="62"/>
      <c r="JSG23" s="56"/>
      <c r="JSH23" s="61"/>
      <c r="JSI23" s="61"/>
      <c r="JSJ23" s="61"/>
      <c r="JSK23" s="61"/>
      <c r="JSL23" s="62"/>
      <c r="JSM23" s="56"/>
      <c r="JSN23" s="61"/>
      <c r="JSO23" s="61"/>
      <c r="JSP23" s="61"/>
      <c r="JSQ23" s="61"/>
      <c r="JSR23" s="62"/>
      <c r="JSS23" s="56"/>
      <c r="JST23" s="61"/>
      <c r="JSU23" s="61"/>
      <c r="JSV23" s="61"/>
      <c r="JSW23" s="61"/>
      <c r="JSX23" s="62"/>
      <c r="JSY23" s="56"/>
      <c r="JSZ23" s="61"/>
      <c r="JTA23" s="61"/>
      <c r="JTB23" s="61"/>
      <c r="JTC23" s="61"/>
      <c r="JTD23" s="62"/>
      <c r="JTE23" s="56"/>
      <c r="JTF23" s="61"/>
      <c r="JTG23" s="61"/>
      <c r="JTH23" s="61"/>
      <c r="JTI23" s="61"/>
      <c r="JTJ23" s="62"/>
      <c r="JTK23" s="56"/>
      <c r="JTL23" s="61"/>
      <c r="JTM23" s="61"/>
      <c r="JTN23" s="61"/>
      <c r="JTO23" s="61"/>
      <c r="JTP23" s="62"/>
      <c r="JTQ23" s="56"/>
      <c r="JTR23" s="61"/>
      <c r="JTS23" s="61"/>
      <c r="JTT23" s="61"/>
      <c r="JTU23" s="61"/>
      <c r="JTV23" s="62"/>
      <c r="JTW23" s="56"/>
      <c r="JTX23" s="61"/>
      <c r="JTY23" s="61"/>
      <c r="JTZ23" s="61"/>
      <c r="JUA23" s="61"/>
      <c r="JUB23" s="62"/>
      <c r="JUC23" s="56"/>
      <c r="JUD23" s="61"/>
      <c r="JUE23" s="61"/>
      <c r="JUF23" s="61"/>
      <c r="JUG23" s="61"/>
      <c r="JUH23" s="62"/>
      <c r="JUI23" s="56"/>
      <c r="JUJ23" s="61"/>
      <c r="JUK23" s="61"/>
      <c r="JUL23" s="61"/>
      <c r="JUM23" s="61"/>
      <c r="JUN23" s="62"/>
      <c r="JUO23" s="56"/>
      <c r="JUP23" s="61"/>
      <c r="JUQ23" s="61"/>
      <c r="JUR23" s="61"/>
      <c r="JUS23" s="61"/>
      <c r="JUT23" s="62"/>
      <c r="JUU23" s="56"/>
      <c r="JUV23" s="61"/>
      <c r="JUW23" s="61"/>
      <c r="JUX23" s="61"/>
      <c r="JUY23" s="61"/>
      <c r="JUZ23" s="62"/>
      <c r="JVA23" s="56"/>
      <c r="JVB23" s="61"/>
      <c r="JVC23" s="61"/>
      <c r="JVD23" s="61"/>
      <c r="JVE23" s="61"/>
      <c r="JVF23" s="62"/>
      <c r="JVG23" s="56"/>
      <c r="JVH23" s="61"/>
      <c r="JVI23" s="61"/>
      <c r="JVJ23" s="61"/>
      <c r="JVK23" s="61"/>
      <c r="JVL23" s="62"/>
      <c r="JVM23" s="56"/>
      <c r="JVN23" s="61"/>
      <c r="JVO23" s="61"/>
      <c r="JVP23" s="61"/>
      <c r="JVQ23" s="61"/>
      <c r="JVR23" s="62"/>
      <c r="JVS23" s="56"/>
      <c r="JVT23" s="61"/>
      <c r="JVU23" s="61"/>
      <c r="JVV23" s="61"/>
      <c r="JVW23" s="61"/>
      <c r="JVX23" s="62"/>
      <c r="JVY23" s="56"/>
      <c r="JVZ23" s="61"/>
      <c r="JWA23" s="61"/>
      <c r="JWB23" s="61"/>
      <c r="JWC23" s="61"/>
      <c r="JWD23" s="62"/>
      <c r="JWE23" s="56"/>
      <c r="JWF23" s="61"/>
      <c r="JWG23" s="61"/>
      <c r="JWH23" s="61"/>
      <c r="JWI23" s="61"/>
      <c r="JWJ23" s="62"/>
      <c r="JWK23" s="56"/>
      <c r="JWL23" s="61"/>
      <c r="JWM23" s="61"/>
      <c r="JWN23" s="61"/>
      <c r="JWO23" s="61"/>
      <c r="JWP23" s="62"/>
      <c r="JWQ23" s="56"/>
      <c r="JWR23" s="61"/>
      <c r="JWS23" s="61"/>
      <c r="JWT23" s="61"/>
      <c r="JWU23" s="61"/>
      <c r="JWV23" s="62"/>
      <c r="JWW23" s="56"/>
      <c r="JWX23" s="61"/>
      <c r="JWY23" s="61"/>
      <c r="JWZ23" s="61"/>
      <c r="JXA23" s="61"/>
      <c r="JXB23" s="62"/>
      <c r="JXC23" s="56"/>
      <c r="JXD23" s="61"/>
      <c r="JXE23" s="61"/>
      <c r="JXF23" s="61"/>
      <c r="JXG23" s="61"/>
      <c r="JXH23" s="62"/>
      <c r="JXI23" s="56"/>
      <c r="JXJ23" s="61"/>
      <c r="JXK23" s="61"/>
      <c r="JXL23" s="61"/>
      <c r="JXM23" s="61"/>
      <c r="JXN23" s="62"/>
      <c r="JXO23" s="56"/>
      <c r="JXP23" s="61"/>
      <c r="JXQ23" s="61"/>
      <c r="JXR23" s="61"/>
      <c r="JXS23" s="61"/>
      <c r="JXT23" s="62"/>
      <c r="JXU23" s="56"/>
      <c r="JXV23" s="61"/>
      <c r="JXW23" s="61"/>
      <c r="JXX23" s="61"/>
      <c r="JXY23" s="61"/>
      <c r="JXZ23" s="62"/>
      <c r="JYA23" s="56"/>
      <c r="JYB23" s="61"/>
      <c r="JYC23" s="61"/>
      <c r="JYD23" s="61"/>
      <c r="JYE23" s="61"/>
      <c r="JYF23" s="62"/>
      <c r="JYG23" s="56"/>
      <c r="JYH23" s="61"/>
      <c r="JYI23" s="61"/>
      <c r="JYJ23" s="61"/>
      <c r="JYK23" s="61"/>
      <c r="JYL23" s="62"/>
      <c r="JYM23" s="56"/>
      <c r="JYN23" s="61"/>
      <c r="JYO23" s="61"/>
      <c r="JYP23" s="61"/>
      <c r="JYQ23" s="61"/>
      <c r="JYR23" s="62"/>
      <c r="JYS23" s="56"/>
      <c r="JYT23" s="61"/>
      <c r="JYU23" s="61"/>
      <c r="JYV23" s="61"/>
      <c r="JYW23" s="61"/>
      <c r="JYX23" s="62"/>
      <c r="JYY23" s="56"/>
      <c r="JYZ23" s="61"/>
      <c r="JZA23" s="61"/>
      <c r="JZB23" s="61"/>
      <c r="JZC23" s="61"/>
      <c r="JZD23" s="62"/>
      <c r="JZE23" s="56"/>
      <c r="JZF23" s="61"/>
      <c r="JZG23" s="61"/>
      <c r="JZH23" s="61"/>
      <c r="JZI23" s="61"/>
      <c r="JZJ23" s="62"/>
      <c r="JZK23" s="56"/>
      <c r="JZL23" s="61"/>
      <c r="JZM23" s="61"/>
      <c r="JZN23" s="61"/>
      <c r="JZO23" s="61"/>
      <c r="JZP23" s="62"/>
      <c r="JZQ23" s="56"/>
      <c r="JZR23" s="61"/>
      <c r="JZS23" s="61"/>
      <c r="JZT23" s="61"/>
      <c r="JZU23" s="61"/>
      <c r="JZV23" s="62"/>
      <c r="JZW23" s="56"/>
      <c r="JZX23" s="61"/>
      <c r="JZY23" s="61"/>
      <c r="JZZ23" s="61"/>
      <c r="KAA23" s="61"/>
      <c r="KAB23" s="62"/>
      <c r="KAC23" s="56"/>
      <c r="KAD23" s="61"/>
      <c r="KAE23" s="61"/>
      <c r="KAF23" s="61"/>
      <c r="KAG23" s="61"/>
      <c r="KAH23" s="62"/>
      <c r="KAI23" s="56"/>
      <c r="KAJ23" s="61"/>
      <c r="KAK23" s="61"/>
      <c r="KAL23" s="61"/>
      <c r="KAM23" s="61"/>
      <c r="KAN23" s="62"/>
      <c r="KAO23" s="56"/>
      <c r="KAP23" s="61"/>
      <c r="KAQ23" s="61"/>
      <c r="KAR23" s="61"/>
      <c r="KAS23" s="61"/>
      <c r="KAT23" s="62"/>
      <c r="KAU23" s="56"/>
      <c r="KAV23" s="61"/>
      <c r="KAW23" s="61"/>
      <c r="KAX23" s="61"/>
      <c r="KAY23" s="61"/>
      <c r="KAZ23" s="62"/>
      <c r="KBA23" s="56"/>
      <c r="KBB23" s="61"/>
      <c r="KBC23" s="61"/>
      <c r="KBD23" s="61"/>
      <c r="KBE23" s="61"/>
      <c r="KBF23" s="62"/>
      <c r="KBG23" s="56"/>
      <c r="KBH23" s="61"/>
      <c r="KBI23" s="61"/>
      <c r="KBJ23" s="61"/>
      <c r="KBK23" s="61"/>
      <c r="KBL23" s="62"/>
      <c r="KBM23" s="56"/>
      <c r="KBN23" s="61"/>
      <c r="KBO23" s="61"/>
      <c r="KBP23" s="61"/>
      <c r="KBQ23" s="61"/>
      <c r="KBR23" s="62"/>
      <c r="KBS23" s="56"/>
      <c r="KBT23" s="61"/>
      <c r="KBU23" s="61"/>
      <c r="KBV23" s="61"/>
      <c r="KBW23" s="61"/>
      <c r="KBX23" s="62"/>
      <c r="KBY23" s="56"/>
      <c r="KBZ23" s="61"/>
      <c r="KCA23" s="61"/>
      <c r="KCB23" s="61"/>
      <c r="KCC23" s="61"/>
      <c r="KCD23" s="62"/>
      <c r="KCE23" s="56"/>
      <c r="KCF23" s="61"/>
      <c r="KCG23" s="61"/>
      <c r="KCH23" s="61"/>
      <c r="KCI23" s="61"/>
      <c r="KCJ23" s="62"/>
      <c r="KCK23" s="56"/>
      <c r="KCL23" s="61"/>
      <c r="KCM23" s="61"/>
      <c r="KCN23" s="61"/>
      <c r="KCO23" s="61"/>
      <c r="KCP23" s="62"/>
      <c r="KCQ23" s="56"/>
      <c r="KCR23" s="61"/>
      <c r="KCS23" s="61"/>
      <c r="KCT23" s="61"/>
      <c r="KCU23" s="61"/>
      <c r="KCV23" s="62"/>
      <c r="KCW23" s="56"/>
      <c r="KCX23" s="61"/>
      <c r="KCY23" s="61"/>
      <c r="KCZ23" s="61"/>
      <c r="KDA23" s="61"/>
      <c r="KDB23" s="62"/>
      <c r="KDC23" s="56"/>
      <c r="KDD23" s="61"/>
      <c r="KDE23" s="61"/>
      <c r="KDF23" s="61"/>
      <c r="KDG23" s="61"/>
      <c r="KDH23" s="62"/>
      <c r="KDI23" s="56"/>
      <c r="KDJ23" s="61"/>
      <c r="KDK23" s="61"/>
      <c r="KDL23" s="61"/>
      <c r="KDM23" s="61"/>
      <c r="KDN23" s="62"/>
      <c r="KDO23" s="56"/>
      <c r="KDP23" s="61"/>
      <c r="KDQ23" s="61"/>
      <c r="KDR23" s="61"/>
      <c r="KDS23" s="61"/>
      <c r="KDT23" s="62"/>
      <c r="KDU23" s="56"/>
      <c r="KDV23" s="61"/>
      <c r="KDW23" s="61"/>
      <c r="KDX23" s="61"/>
      <c r="KDY23" s="61"/>
      <c r="KDZ23" s="62"/>
      <c r="KEA23" s="56"/>
      <c r="KEB23" s="61"/>
      <c r="KEC23" s="61"/>
      <c r="KED23" s="61"/>
      <c r="KEE23" s="61"/>
      <c r="KEF23" s="62"/>
      <c r="KEG23" s="56"/>
      <c r="KEH23" s="61"/>
      <c r="KEI23" s="61"/>
      <c r="KEJ23" s="61"/>
      <c r="KEK23" s="61"/>
      <c r="KEL23" s="62"/>
      <c r="KEM23" s="56"/>
      <c r="KEN23" s="61"/>
      <c r="KEO23" s="61"/>
      <c r="KEP23" s="61"/>
      <c r="KEQ23" s="61"/>
      <c r="KER23" s="62"/>
      <c r="KES23" s="56"/>
      <c r="KET23" s="61"/>
      <c r="KEU23" s="61"/>
      <c r="KEV23" s="61"/>
      <c r="KEW23" s="61"/>
      <c r="KEX23" s="62"/>
      <c r="KEY23" s="56"/>
      <c r="KEZ23" s="61"/>
      <c r="KFA23" s="61"/>
      <c r="KFB23" s="61"/>
      <c r="KFC23" s="61"/>
      <c r="KFD23" s="62"/>
      <c r="KFE23" s="56"/>
      <c r="KFF23" s="61"/>
      <c r="KFG23" s="61"/>
      <c r="KFH23" s="61"/>
      <c r="KFI23" s="61"/>
      <c r="KFJ23" s="62"/>
      <c r="KFK23" s="56"/>
      <c r="KFL23" s="61"/>
      <c r="KFM23" s="61"/>
      <c r="KFN23" s="61"/>
      <c r="KFO23" s="61"/>
      <c r="KFP23" s="62"/>
      <c r="KFQ23" s="56"/>
      <c r="KFR23" s="61"/>
      <c r="KFS23" s="61"/>
      <c r="KFT23" s="61"/>
      <c r="KFU23" s="61"/>
      <c r="KFV23" s="62"/>
      <c r="KFW23" s="56"/>
      <c r="KFX23" s="61"/>
      <c r="KFY23" s="61"/>
      <c r="KFZ23" s="61"/>
      <c r="KGA23" s="61"/>
      <c r="KGB23" s="62"/>
      <c r="KGC23" s="56"/>
      <c r="KGD23" s="61"/>
      <c r="KGE23" s="61"/>
      <c r="KGF23" s="61"/>
      <c r="KGG23" s="61"/>
      <c r="KGH23" s="62"/>
      <c r="KGI23" s="56"/>
      <c r="KGJ23" s="61"/>
      <c r="KGK23" s="61"/>
      <c r="KGL23" s="61"/>
      <c r="KGM23" s="61"/>
      <c r="KGN23" s="62"/>
      <c r="KGO23" s="56"/>
      <c r="KGP23" s="61"/>
      <c r="KGQ23" s="61"/>
      <c r="KGR23" s="61"/>
      <c r="KGS23" s="61"/>
      <c r="KGT23" s="62"/>
      <c r="KGU23" s="56"/>
      <c r="KGV23" s="61"/>
      <c r="KGW23" s="61"/>
      <c r="KGX23" s="61"/>
      <c r="KGY23" s="61"/>
      <c r="KGZ23" s="62"/>
      <c r="KHA23" s="56"/>
      <c r="KHB23" s="61"/>
      <c r="KHC23" s="61"/>
      <c r="KHD23" s="61"/>
      <c r="KHE23" s="61"/>
      <c r="KHF23" s="62"/>
      <c r="KHG23" s="56"/>
      <c r="KHH23" s="61"/>
      <c r="KHI23" s="61"/>
      <c r="KHJ23" s="61"/>
      <c r="KHK23" s="61"/>
      <c r="KHL23" s="62"/>
      <c r="KHM23" s="56"/>
      <c r="KHN23" s="61"/>
      <c r="KHO23" s="61"/>
      <c r="KHP23" s="61"/>
      <c r="KHQ23" s="61"/>
      <c r="KHR23" s="62"/>
      <c r="KHS23" s="56"/>
      <c r="KHT23" s="61"/>
      <c r="KHU23" s="61"/>
      <c r="KHV23" s="61"/>
      <c r="KHW23" s="61"/>
      <c r="KHX23" s="62"/>
      <c r="KHY23" s="56"/>
      <c r="KHZ23" s="61"/>
      <c r="KIA23" s="61"/>
      <c r="KIB23" s="61"/>
      <c r="KIC23" s="61"/>
      <c r="KID23" s="62"/>
      <c r="KIE23" s="56"/>
      <c r="KIF23" s="61"/>
      <c r="KIG23" s="61"/>
      <c r="KIH23" s="61"/>
      <c r="KII23" s="61"/>
      <c r="KIJ23" s="62"/>
      <c r="KIK23" s="56"/>
      <c r="KIL23" s="61"/>
      <c r="KIM23" s="61"/>
      <c r="KIN23" s="61"/>
      <c r="KIO23" s="61"/>
      <c r="KIP23" s="62"/>
      <c r="KIQ23" s="56"/>
      <c r="KIR23" s="61"/>
      <c r="KIS23" s="61"/>
      <c r="KIT23" s="61"/>
      <c r="KIU23" s="61"/>
      <c r="KIV23" s="62"/>
      <c r="KIW23" s="56"/>
      <c r="KIX23" s="61"/>
      <c r="KIY23" s="61"/>
      <c r="KIZ23" s="61"/>
      <c r="KJA23" s="61"/>
      <c r="KJB23" s="62"/>
      <c r="KJC23" s="56"/>
      <c r="KJD23" s="61"/>
      <c r="KJE23" s="61"/>
      <c r="KJF23" s="61"/>
      <c r="KJG23" s="61"/>
      <c r="KJH23" s="62"/>
      <c r="KJI23" s="56"/>
      <c r="KJJ23" s="61"/>
      <c r="KJK23" s="61"/>
      <c r="KJL23" s="61"/>
      <c r="KJM23" s="61"/>
      <c r="KJN23" s="62"/>
      <c r="KJO23" s="56"/>
      <c r="KJP23" s="61"/>
      <c r="KJQ23" s="61"/>
      <c r="KJR23" s="61"/>
      <c r="KJS23" s="61"/>
      <c r="KJT23" s="62"/>
      <c r="KJU23" s="56"/>
      <c r="KJV23" s="61"/>
      <c r="KJW23" s="61"/>
      <c r="KJX23" s="61"/>
      <c r="KJY23" s="61"/>
      <c r="KJZ23" s="62"/>
      <c r="KKA23" s="56"/>
      <c r="KKB23" s="61"/>
      <c r="KKC23" s="61"/>
      <c r="KKD23" s="61"/>
      <c r="KKE23" s="61"/>
      <c r="KKF23" s="62"/>
      <c r="KKG23" s="56"/>
      <c r="KKH23" s="61"/>
      <c r="KKI23" s="61"/>
      <c r="KKJ23" s="61"/>
      <c r="KKK23" s="61"/>
      <c r="KKL23" s="62"/>
      <c r="KKM23" s="56"/>
      <c r="KKN23" s="61"/>
      <c r="KKO23" s="61"/>
      <c r="KKP23" s="61"/>
      <c r="KKQ23" s="61"/>
      <c r="KKR23" s="62"/>
      <c r="KKS23" s="56"/>
      <c r="KKT23" s="61"/>
      <c r="KKU23" s="61"/>
      <c r="KKV23" s="61"/>
      <c r="KKW23" s="61"/>
      <c r="KKX23" s="62"/>
      <c r="KKY23" s="56"/>
      <c r="KKZ23" s="61"/>
      <c r="KLA23" s="61"/>
      <c r="KLB23" s="61"/>
      <c r="KLC23" s="61"/>
      <c r="KLD23" s="62"/>
      <c r="KLE23" s="56"/>
      <c r="KLF23" s="61"/>
      <c r="KLG23" s="61"/>
      <c r="KLH23" s="61"/>
      <c r="KLI23" s="61"/>
      <c r="KLJ23" s="62"/>
      <c r="KLK23" s="56"/>
      <c r="KLL23" s="61"/>
      <c r="KLM23" s="61"/>
      <c r="KLN23" s="61"/>
      <c r="KLO23" s="61"/>
      <c r="KLP23" s="62"/>
      <c r="KLQ23" s="56"/>
      <c r="KLR23" s="61"/>
      <c r="KLS23" s="61"/>
      <c r="KLT23" s="61"/>
      <c r="KLU23" s="61"/>
      <c r="KLV23" s="62"/>
      <c r="KLW23" s="56"/>
      <c r="KLX23" s="61"/>
      <c r="KLY23" s="61"/>
      <c r="KLZ23" s="61"/>
      <c r="KMA23" s="61"/>
      <c r="KMB23" s="62"/>
      <c r="KMC23" s="56"/>
      <c r="KMD23" s="61"/>
      <c r="KME23" s="61"/>
      <c r="KMF23" s="61"/>
      <c r="KMG23" s="61"/>
      <c r="KMH23" s="62"/>
      <c r="KMI23" s="56"/>
      <c r="KMJ23" s="61"/>
      <c r="KMK23" s="61"/>
      <c r="KML23" s="61"/>
      <c r="KMM23" s="61"/>
      <c r="KMN23" s="62"/>
      <c r="KMO23" s="56"/>
      <c r="KMP23" s="61"/>
      <c r="KMQ23" s="61"/>
      <c r="KMR23" s="61"/>
      <c r="KMS23" s="61"/>
      <c r="KMT23" s="62"/>
      <c r="KMU23" s="56"/>
      <c r="KMV23" s="61"/>
      <c r="KMW23" s="61"/>
      <c r="KMX23" s="61"/>
      <c r="KMY23" s="61"/>
      <c r="KMZ23" s="62"/>
      <c r="KNA23" s="56"/>
      <c r="KNB23" s="61"/>
      <c r="KNC23" s="61"/>
      <c r="KND23" s="61"/>
      <c r="KNE23" s="61"/>
      <c r="KNF23" s="62"/>
      <c r="KNG23" s="56"/>
      <c r="KNH23" s="61"/>
      <c r="KNI23" s="61"/>
      <c r="KNJ23" s="61"/>
      <c r="KNK23" s="61"/>
      <c r="KNL23" s="62"/>
      <c r="KNM23" s="56"/>
      <c r="KNN23" s="61"/>
      <c r="KNO23" s="61"/>
      <c r="KNP23" s="61"/>
      <c r="KNQ23" s="61"/>
      <c r="KNR23" s="62"/>
      <c r="KNS23" s="56"/>
      <c r="KNT23" s="61"/>
      <c r="KNU23" s="61"/>
      <c r="KNV23" s="61"/>
      <c r="KNW23" s="61"/>
      <c r="KNX23" s="62"/>
      <c r="KNY23" s="56"/>
      <c r="KNZ23" s="61"/>
      <c r="KOA23" s="61"/>
      <c r="KOB23" s="61"/>
      <c r="KOC23" s="61"/>
      <c r="KOD23" s="62"/>
      <c r="KOE23" s="56"/>
      <c r="KOF23" s="61"/>
      <c r="KOG23" s="61"/>
      <c r="KOH23" s="61"/>
      <c r="KOI23" s="61"/>
      <c r="KOJ23" s="62"/>
      <c r="KOK23" s="56"/>
      <c r="KOL23" s="61"/>
      <c r="KOM23" s="61"/>
      <c r="KON23" s="61"/>
      <c r="KOO23" s="61"/>
      <c r="KOP23" s="62"/>
      <c r="KOQ23" s="56"/>
      <c r="KOR23" s="61"/>
      <c r="KOS23" s="61"/>
      <c r="KOT23" s="61"/>
      <c r="KOU23" s="61"/>
      <c r="KOV23" s="62"/>
      <c r="KOW23" s="56"/>
      <c r="KOX23" s="61"/>
      <c r="KOY23" s="61"/>
      <c r="KOZ23" s="61"/>
      <c r="KPA23" s="61"/>
      <c r="KPB23" s="62"/>
      <c r="KPC23" s="56"/>
      <c r="KPD23" s="61"/>
      <c r="KPE23" s="61"/>
      <c r="KPF23" s="61"/>
      <c r="KPG23" s="61"/>
      <c r="KPH23" s="62"/>
      <c r="KPI23" s="56"/>
      <c r="KPJ23" s="61"/>
      <c r="KPK23" s="61"/>
      <c r="KPL23" s="61"/>
      <c r="KPM23" s="61"/>
      <c r="KPN23" s="62"/>
      <c r="KPO23" s="56"/>
      <c r="KPP23" s="61"/>
      <c r="KPQ23" s="61"/>
      <c r="KPR23" s="61"/>
      <c r="KPS23" s="61"/>
      <c r="KPT23" s="62"/>
      <c r="KPU23" s="56"/>
      <c r="KPV23" s="61"/>
      <c r="KPW23" s="61"/>
      <c r="KPX23" s="61"/>
      <c r="KPY23" s="61"/>
      <c r="KPZ23" s="62"/>
      <c r="KQA23" s="56"/>
      <c r="KQB23" s="61"/>
      <c r="KQC23" s="61"/>
      <c r="KQD23" s="61"/>
      <c r="KQE23" s="61"/>
      <c r="KQF23" s="62"/>
      <c r="KQG23" s="56"/>
      <c r="KQH23" s="61"/>
      <c r="KQI23" s="61"/>
      <c r="KQJ23" s="61"/>
      <c r="KQK23" s="61"/>
      <c r="KQL23" s="62"/>
      <c r="KQM23" s="56"/>
      <c r="KQN23" s="61"/>
      <c r="KQO23" s="61"/>
      <c r="KQP23" s="61"/>
      <c r="KQQ23" s="61"/>
      <c r="KQR23" s="62"/>
      <c r="KQS23" s="56"/>
      <c r="KQT23" s="61"/>
      <c r="KQU23" s="61"/>
      <c r="KQV23" s="61"/>
      <c r="KQW23" s="61"/>
      <c r="KQX23" s="62"/>
      <c r="KQY23" s="56"/>
      <c r="KQZ23" s="61"/>
      <c r="KRA23" s="61"/>
      <c r="KRB23" s="61"/>
      <c r="KRC23" s="61"/>
      <c r="KRD23" s="62"/>
      <c r="KRE23" s="56"/>
      <c r="KRF23" s="61"/>
      <c r="KRG23" s="61"/>
      <c r="KRH23" s="61"/>
      <c r="KRI23" s="61"/>
      <c r="KRJ23" s="62"/>
      <c r="KRK23" s="56"/>
      <c r="KRL23" s="61"/>
      <c r="KRM23" s="61"/>
      <c r="KRN23" s="61"/>
      <c r="KRO23" s="61"/>
      <c r="KRP23" s="62"/>
      <c r="KRQ23" s="56"/>
      <c r="KRR23" s="61"/>
      <c r="KRS23" s="61"/>
      <c r="KRT23" s="61"/>
      <c r="KRU23" s="61"/>
      <c r="KRV23" s="62"/>
      <c r="KRW23" s="56"/>
      <c r="KRX23" s="61"/>
      <c r="KRY23" s="61"/>
      <c r="KRZ23" s="61"/>
      <c r="KSA23" s="61"/>
      <c r="KSB23" s="62"/>
      <c r="KSC23" s="56"/>
      <c r="KSD23" s="61"/>
      <c r="KSE23" s="61"/>
      <c r="KSF23" s="61"/>
      <c r="KSG23" s="61"/>
      <c r="KSH23" s="62"/>
      <c r="KSI23" s="56"/>
      <c r="KSJ23" s="61"/>
      <c r="KSK23" s="61"/>
      <c r="KSL23" s="61"/>
      <c r="KSM23" s="61"/>
      <c r="KSN23" s="62"/>
      <c r="KSO23" s="56"/>
      <c r="KSP23" s="61"/>
      <c r="KSQ23" s="61"/>
      <c r="KSR23" s="61"/>
      <c r="KSS23" s="61"/>
      <c r="KST23" s="62"/>
      <c r="KSU23" s="56"/>
      <c r="KSV23" s="61"/>
      <c r="KSW23" s="61"/>
      <c r="KSX23" s="61"/>
      <c r="KSY23" s="61"/>
      <c r="KSZ23" s="62"/>
      <c r="KTA23" s="56"/>
      <c r="KTB23" s="61"/>
      <c r="KTC23" s="61"/>
      <c r="KTD23" s="61"/>
      <c r="KTE23" s="61"/>
      <c r="KTF23" s="62"/>
      <c r="KTG23" s="56"/>
      <c r="KTH23" s="61"/>
      <c r="KTI23" s="61"/>
      <c r="KTJ23" s="61"/>
      <c r="KTK23" s="61"/>
      <c r="KTL23" s="62"/>
      <c r="KTM23" s="56"/>
      <c r="KTN23" s="61"/>
      <c r="KTO23" s="61"/>
      <c r="KTP23" s="61"/>
      <c r="KTQ23" s="61"/>
      <c r="KTR23" s="62"/>
      <c r="KTS23" s="56"/>
      <c r="KTT23" s="61"/>
      <c r="KTU23" s="61"/>
      <c r="KTV23" s="61"/>
      <c r="KTW23" s="61"/>
      <c r="KTX23" s="62"/>
      <c r="KTY23" s="56"/>
      <c r="KTZ23" s="61"/>
      <c r="KUA23" s="61"/>
      <c r="KUB23" s="61"/>
      <c r="KUC23" s="61"/>
      <c r="KUD23" s="62"/>
      <c r="KUE23" s="56"/>
      <c r="KUF23" s="61"/>
      <c r="KUG23" s="61"/>
      <c r="KUH23" s="61"/>
      <c r="KUI23" s="61"/>
      <c r="KUJ23" s="62"/>
      <c r="KUK23" s="56"/>
      <c r="KUL23" s="61"/>
      <c r="KUM23" s="61"/>
      <c r="KUN23" s="61"/>
      <c r="KUO23" s="61"/>
      <c r="KUP23" s="62"/>
      <c r="KUQ23" s="56"/>
      <c r="KUR23" s="61"/>
      <c r="KUS23" s="61"/>
      <c r="KUT23" s="61"/>
      <c r="KUU23" s="61"/>
      <c r="KUV23" s="62"/>
      <c r="KUW23" s="56"/>
      <c r="KUX23" s="61"/>
      <c r="KUY23" s="61"/>
      <c r="KUZ23" s="61"/>
      <c r="KVA23" s="61"/>
      <c r="KVB23" s="62"/>
      <c r="KVC23" s="56"/>
      <c r="KVD23" s="61"/>
      <c r="KVE23" s="61"/>
      <c r="KVF23" s="61"/>
      <c r="KVG23" s="61"/>
      <c r="KVH23" s="62"/>
      <c r="KVI23" s="56"/>
      <c r="KVJ23" s="61"/>
      <c r="KVK23" s="61"/>
      <c r="KVL23" s="61"/>
      <c r="KVM23" s="61"/>
      <c r="KVN23" s="62"/>
      <c r="KVO23" s="56"/>
      <c r="KVP23" s="61"/>
      <c r="KVQ23" s="61"/>
      <c r="KVR23" s="61"/>
      <c r="KVS23" s="61"/>
      <c r="KVT23" s="62"/>
      <c r="KVU23" s="56"/>
      <c r="KVV23" s="61"/>
      <c r="KVW23" s="61"/>
      <c r="KVX23" s="61"/>
      <c r="KVY23" s="61"/>
      <c r="KVZ23" s="62"/>
      <c r="KWA23" s="56"/>
      <c r="KWB23" s="61"/>
      <c r="KWC23" s="61"/>
      <c r="KWD23" s="61"/>
      <c r="KWE23" s="61"/>
      <c r="KWF23" s="62"/>
      <c r="KWG23" s="56"/>
      <c r="KWH23" s="61"/>
      <c r="KWI23" s="61"/>
      <c r="KWJ23" s="61"/>
      <c r="KWK23" s="61"/>
      <c r="KWL23" s="62"/>
      <c r="KWM23" s="56"/>
      <c r="KWN23" s="61"/>
      <c r="KWO23" s="61"/>
      <c r="KWP23" s="61"/>
      <c r="KWQ23" s="61"/>
      <c r="KWR23" s="62"/>
      <c r="KWS23" s="56"/>
      <c r="KWT23" s="61"/>
      <c r="KWU23" s="61"/>
      <c r="KWV23" s="61"/>
      <c r="KWW23" s="61"/>
      <c r="KWX23" s="62"/>
      <c r="KWY23" s="56"/>
      <c r="KWZ23" s="61"/>
      <c r="KXA23" s="61"/>
      <c r="KXB23" s="61"/>
      <c r="KXC23" s="61"/>
      <c r="KXD23" s="62"/>
      <c r="KXE23" s="56"/>
      <c r="KXF23" s="61"/>
      <c r="KXG23" s="61"/>
      <c r="KXH23" s="61"/>
      <c r="KXI23" s="61"/>
      <c r="KXJ23" s="62"/>
      <c r="KXK23" s="56"/>
      <c r="KXL23" s="61"/>
      <c r="KXM23" s="61"/>
      <c r="KXN23" s="61"/>
      <c r="KXO23" s="61"/>
      <c r="KXP23" s="62"/>
      <c r="KXQ23" s="56"/>
      <c r="KXR23" s="61"/>
      <c r="KXS23" s="61"/>
      <c r="KXT23" s="61"/>
      <c r="KXU23" s="61"/>
      <c r="KXV23" s="62"/>
      <c r="KXW23" s="56"/>
      <c r="KXX23" s="61"/>
      <c r="KXY23" s="61"/>
      <c r="KXZ23" s="61"/>
      <c r="KYA23" s="61"/>
      <c r="KYB23" s="62"/>
      <c r="KYC23" s="56"/>
      <c r="KYD23" s="61"/>
      <c r="KYE23" s="61"/>
      <c r="KYF23" s="61"/>
      <c r="KYG23" s="61"/>
      <c r="KYH23" s="62"/>
      <c r="KYI23" s="56"/>
      <c r="KYJ23" s="61"/>
      <c r="KYK23" s="61"/>
      <c r="KYL23" s="61"/>
      <c r="KYM23" s="61"/>
      <c r="KYN23" s="62"/>
      <c r="KYO23" s="56"/>
      <c r="KYP23" s="61"/>
      <c r="KYQ23" s="61"/>
      <c r="KYR23" s="61"/>
      <c r="KYS23" s="61"/>
      <c r="KYT23" s="62"/>
      <c r="KYU23" s="56"/>
      <c r="KYV23" s="61"/>
      <c r="KYW23" s="61"/>
      <c r="KYX23" s="61"/>
      <c r="KYY23" s="61"/>
      <c r="KYZ23" s="62"/>
      <c r="KZA23" s="56"/>
      <c r="KZB23" s="61"/>
      <c r="KZC23" s="61"/>
      <c r="KZD23" s="61"/>
      <c r="KZE23" s="61"/>
      <c r="KZF23" s="62"/>
      <c r="KZG23" s="56"/>
      <c r="KZH23" s="61"/>
      <c r="KZI23" s="61"/>
      <c r="KZJ23" s="61"/>
      <c r="KZK23" s="61"/>
      <c r="KZL23" s="62"/>
      <c r="KZM23" s="56"/>
      <c r="KZN23" s="61"/>
      <c r="KZO23" s="61"/>
      <c r="KZP23" s="61"/>
      <c r="KZQ23" s="61"/>
      <c r="KZR23" s="62"/>
      <c r="KZS23" s="56"/>
      <c r="KZT23" s="61"/>
      <c r="KZU23" s="61"/>
      <c r="KZV23" s="61"/>
      <c r="KZW23" s="61"/>
      <c r="KZX23" s="62"/>
      <c r="KZY23" s="56"/>
      <c r="KZZ23" s="61"/>
      <c r="LAA23" s="61"/>
      <c r="LAB23" s="61"/>
      <c r="LAC23" s="61"/>
      <c r="LAD23" s="62"/>
      <c r="LAE23" s="56"/>
      <c r="LAF23" s="61"/>
      <c r="LAG23" s="61"/>
      <c r="LAH23" s="61"/>
      <c r="LAI23" s="61"/>
      <c r="LAJ23" s="62"/>
      <c r="LAK23" s="56"/>
      <c r="LAL23" s="61"/>
      <c r="LAM23" s="61"/>
      <c r="LAN23" s="61"/>
      <c r="LAO23" s="61"/>
      <c r="LAP23" s="62"/>
      <c r="LAQ23" s="56"/>
      <c r="LAR23" s="61"/>
      <c r="LAS23" s="61"/>
      <c r="LAT23" s="61"/>
      <c r="LAU23" s="61"/>
      <c r="LAV23" s="62"/>
      <c r="LAW23" s="56"/>
      <c r="LAX23" s="61"/>
      <c r="LAY23" s="61"/>
      <c r="LAZ23" s="61"/>
      <c r="LBA23" s="61"/>
      <c r="LBB23" s="62"/>
      <c r="LBC23" s="56"/>
      <c r="LBD23" s="61"/>
      <c r="LBE23" s="61"/>
      <c r="LBF23" s="61"/>
      <c r="LBG23" s="61"/>
      <c r="LBH23" s="62"/>
      <c r="LBI23" s="56"/>
      <c r="LBJ23" s="61"/>
      <c r="LBK23" s="61"/>
      <c r="LBL23" s="61"/>
      <c r="LBM23" s="61"/>
      <c r="LBN23" s="62"/>
      <c r="LBO23" s="56"/>
      <c r="LBP23" s="61"/>
      <c r="LBQ23" s="61"/>
      <c r="LBR23" s="61"/>
      <c r="LBS23" s="61"/>
      <c r="LBT23" s="62"/>
      <c r="LBU23" s="56"/>
      <c r="LBV23" s="61"/>
      <c r="LBW23" s="61"/>
      <c r="LBX23" s="61"/>
      <c r="LBY23" s="61"/>
      <c r="LBZ23" s="62"/>
      <c r="LCA23" s="56"/>
      <c r="LCB23" s="61"/>
      <c r="LCC23" s="61"/>
      <c r="LCD23" s="61"/>
      <c r="LCE23" s="61"/>
      <c r="LCF23" s="62"/>
      <c r="LCG23" s="56"/>
      <c r="LCH23" s="61"/>
      <c r="LCI23" s="61"/>
      <c r="LCJ23" s="61"/>
      <c r="LCK23" s="61"/>
      <c r="LCL23" s="62"/>
      <c r="LCM23" s="56"/>
      <c r="LCN23" s="61"/>
      <c r="LCO23" s="61"/>
      <c r="LCP23" s="61"/>
      <c r="LCQ23" s="61"/>
      <c r="LCR23" s="62"/>
      <c r="LCS23" s="56"/>
      <c r="LCT23" s="61"/>
      <c r="LCU23" s="61"/>
      <c r="LCV23" s="61"/>
      <c r="LCW23" s="61"/>
      <c r="LCX23" s="62"/>
      <c r="LCY23" s="56"/>
      <c r="LCZ23" s="61"/>
      <c r="LDA23" s="61"/>
      <c r="LDB23" s="61"/>
      <c r="LDC23" s="61"/>
      <c r="LDD23" s="62"/>
      <c r="LDE23" s="56"/>
      <c r="LDF23" s="61"/>
      <c r="LDG23" s="61"/>
      <c r="LDH23" s="61"/>
      <c r="LDI23" s="61"/>
      <c r="LDJ23" s="62"/>
      <c r="LDK23" s="56"/>
      <c r="LDL23" s="61"/>
      <c r="LDM23" s="61"/>
      <c r="LDN23" s="61"/>
      <c r="LDO23" s="61"/>
      <c r="LDP23" s="62"/>
      <c r="LDQ23" s="56"/>
      <c r="LDR23" s="61"/>
      <c r="LDS23" s="61"/>
      <c r="LDT23" s="61"/>
      <c r="LDU23" s="61"/>
      <c r="LDV23" s="62"/>
      <c r="LDW23" s="56"/>
      <c r="LDX23" s="61"/>
      <c r="LDY23" s="61"/>
      <c r="LDZ23" s="61"/>
      <c r="LEA23" s="61"/>
      <c r="LEB23" s="62"/>
      <c r="LEC23" s="56"/>
      <c r="LED23" s="61"/>
      <c r="LEE23" s="61"/>
      <c r="LEF23" s="61"/>
      <c r="LEG23" s="61"/>
      <c r="LEH23" s="62"/>
      <c r="LEI23" s="56"/>
      <c r="LEJ23" s="61"/>
      <c r="LEK23" s="61"/>
      <c r="LEL23" s="61"/>
      <c r="LEM23" s="61"/>
      <c r="LEN23" s="62"/>
      <c r="LEO23" s="56"/>
      <c r="LEP23" s="61"/>
      <c r="LEQ23" s="61"/>
      <c r="LER23" s="61"/>
      <c r="LES23" s="61"/>
      <c r="LET23" s="62"/>
      <c r="LEU23" s="56"/>
      <c r="LEV23" s="61"/>
      <c r="LEW23" s="61"/>
      <c r="LEX23" s="61"/>
      <c r="LEY23" s="61"/>
      <c r="LEZ23" s="62"/>
      <c r="LFA23" s="56"/>
      <c r="LFB23" s="61"/>
      <c r="LFC23" s="61"/>
      <c r="LFD23" s="61"/>
      <c r="LFE23" s="61"/>
      <c r="LFF23" s="62"/>
      <c r="LFG23" s="56"/>
      <c r="LFH23" s="61"/>
      <c r="LFI23" s="61"/>
      <c r="LFJ23" s="61"/>
      <c r="LFK23" s="61"/>
      <c r="LFL23" s="62"/>
      <c r="LFM23" s="56"/>
      <c r="LFN23" s="61"/>
      <c r="LFO23" s="61"/>
      <c r="LFP23" s="61"/>
      <c r="LFQ23" s="61"/>
      <c r="LFR23" s="62"/>
      <c r="LFS23" s="56"/>
      <c r="LFT23" s="61"/>
      <c r="LFU23" s="61"/>
      <c r="LFV23" s="61"/>
      <c r="LFW23" s="61"/>
      <c r="LFX23" s="62"/>
      <c r="LFY23" s="56"/>
      <c r="LFZ23" s="61"/>
      <c r="LGA23" s="61"/>
      <c r="LGB23" s="61"/>
      <c r="LGC23" s="61"/>
      <c r="LGD23" s="62"/>
      <c r="LGE23" s="56"/>
      <c r="LGF23" s="61"/>
      <c r="LGG23" s="61"/>
      <c r="LGH23" s="61"/>
      <c r="LGI23" s="61"/>
      <c r="LGJ23" s="62"/>
      <c r="LGK23" s="56"/>
      <c r="LGL23" s="61"/>
      <c r="LGM23" s="61"/>
      <c r="LGN23" s="61"/>
      <c r="LGO23" s="61"/>
      <c r="LGP23" s="62"/>
      <c r="LGQ23" s="56"/>
      <c r="LGR23" s="61"/>
      <c r="LGS23" s="61"/>
      <c r="LGT23" s="61"/>
      <c r="LGU23" s="61"/>
      <c r="LGV23" s="62"/>
      <c r="LGW23" s="56"/>
      <c r="LGX23" s="61"/>
      <c r="LGY23" s="61"/>
      <c r="LGZ23" s="61"/>
      <c r="LHA23" s="61"/>
      <c r="LHB23" s="62"/>
      <c r="LHC23" s="56"/>
      <c r="LHD23" s="61"/>
      <c r="LHE23" s="61"/>
      <c r="LHF23" s="61"/>
      <c r="LHG23" s="61"/>
      <c r="LHH23" s="62"/>
      <c r="LHI23" s="56"/>
      <c r="LHJ23" s="61"/>
      <c r="LHK23" s="61"/>
      <c r="LHL23" s="61"/>
      <c r="LHM23" s="61"/>
      <c r="LHN23" s="62"/>
      <c r="LHO23" s="56"/>
      <c r="LHP23" s="61"/>
      <c r="LHQ23" s="61"/>
      <c r="LHR23" s="61"/>
      <c r="LHS23" s="61"/>
      <c r="LHT23" s="62"/>
      <c r="LHU23" s="56"/>
      <c r="LHV23" s="61"/>
      <c r="LHW23" s="61"/>
      <c r="LHX23" s="61"/>
      <c r="LHY23" s="61"/>
      <c r="LHZ23" s="62"/>
      <c r="LIA23" s="56"/>
      <c r="LIB23" s="61"/>
      <c r="LIC23" s="61"/>
      <c r="LID23" s="61"/>
      <c r="LIE23" s="61"/>
      <c r="LIF23" s="62"/>
      <c r="LIG23" s="56"/>
      <c r="LIH23" s="61"/>
      <c r="LII23" s="61"/>
      <c r="LIJ23" s="61"/>
      <c r="LIK23" s="61"/>
      <c r="LIL23" s="62"/>
      <c r="LIM23" s="56"/>
      <c r="LIN23" s="61"/>
      <c r="LIO23" s="61"/>
      <c r="LIP23" s="61"/>
      <c r="LIQ23" s="61"/>
      <c r="LIR23" s="62"/>
      <c r="LIS23" s="56"/>
      <c r="LIT23" s="61"/>
      <c r="LIU23" s="61"/>
      <c r="LIV23" s="61"/>
      <c r="LIW23" s="61"/>
      <c r="LIX23" s="62"/>
      <c r="LIY23" s="56"/>
      <c r="LIZ23" s="61"/>
      <c r="LJA23" s="61"/>
      <c r="LJB23" s="61"/>
      <c r="LJC23" s="61"/>
      <c r="LJD23" s="62"/>
      <c r="LJE23" s="56"/>
      <c r="LJF23" s="61"/>
      <c r="LJG23" s="61"/>
      <c r="LJH23" s="61"/>
      <c r="LJI23" s="61"/>
      <c r="LJJ23" s="62"/>
      <c r="LJK23" s="56"/>
      <c r="LJL23" s="61"/>
      <c r="LJM23" s="61"/>
      <c r="LJN23" s="61"/>
      <c r="LJO23" s="61"/>
      <c r="LJP23" s="62"/>
      <c r="LJQ23" s="56"/>
      <c r="LJR23" s="61"/>
      <c r="LJS23" s="61"/>
      <c r="LJT23" s="61"/>
      <c r="LJU23" s="61"/>
      <c r="LJV23" s="62"/>
      <c r="LJW23" s="56"/>
      <c r="LJX23" s="61"/>
      <c r="LJY23" s="61"/>
      <c r="LJZ23" s="61"/>
      <c r="LKA23" s="61"/>
      <c r="LKB23" s="62"/>
      <c r="LKC23" s="56"/>
      <c r="LKD23" s="61"/>
      <c r="LKE23" s="61"/>
      <c r="LKF23" s="61"/>
      <c r="LKG23" s="61"/>
      <c r="LKH23" s="62"/>
      <c r="LKI23" s="56"/>
      <c r="LKJ23" s="61"/>
      <c r="LKK23" s="61"/>
      <c r="LKL23" s="61"/>
      <c r="LKM23" s="61"/>
      <c r="LKN23" s="62"/>
      <c r="LKO23" s="56"/>
      <c r="LKP23" s="61"/>
      <c r="LKQ23" s="61"/>
      <c r="LKR23" s="61"/>
      <c r="LKS23" s="61"/>
      <c r="LKT23" s="62"/>
      <c r="LKU23" s="56"/>
      <c r="LKV23" s="61"/>
      <c r="LKW23" s="61"/>
      <c r="LKX23" s="61"/>
      <c r="LKY23" s="61"/>
      <c r="LKZ23" s="62"/>
      <c r="LLA23" s="56"/>
      <c r="LLB23" s="61"/>
      <c r="LLC23" s="61"/>
      <c r="LLD23" s="61"/>
      <c r="LLE23" s="61"/>
      <c r="LLF23" s="62"/>
      <c r="LLG23" s="56"/>
      <c r="LLH23" s="61"/>
      <c r="LLI23" s="61"/>
      <c r="LLJ23" s="61"/>
      <c r="LLK23" s="61"/>
      <c r="LLL23" s="62"/>
      <c r="LLM23" s="56"/>
      <c r="LLN23" s="61"/>
      <c r="LLO23" s="61"/>
      <c r="LLP23" s="61"/>
      <c r="LLQ23" s="61"/>
      <c r="LLR23" s="62"/>
      <c r="LLS23" s="56"/>
      <c r="LLT23" s="61"/>
      <c r="LLU23" s="61"/>
      <c r="LLV23" s="61"/>
      <c r="LLW23" s="61"/>
      <c r="LLX23" s="62"/>
      <c r="LLY23" s="56"/>
      <c r="LLZ23" s="61"/>
      <c r="LMA23" s="61"/>
      <c r="LMB23" s="61"/>
      <c r="LMC23" s="61"/>
      <c r="LMD23" s="62"/>
      <c r="LME23" s="56"/>
      <c r="LMF23" s="61"/>
      <c r="LMG23" s="61"/>
      <c r="LMH23" s="61"/>
      <c r="LMI23" s="61"/>
      <c r="LMJ23" s="62"/>
      <c r="LMK23" s="56"/>
      <c r="LML23" s="61"/>
      <c r="LMM23" s="61"/>
      <c r="LMN23" s="61"/>
      <c r="LMO23" s="61"/>
      <c r="LMP23" s="62"/>
      <c r="LMQ23" s="56"/>
      <c r="LMR23" s="61"/>
      <c r="LMS23" s="61"/>
      <c r="LMT23" s="61"/>
      <c r="LMU23" s="61"/>
      <c r="LMV23" s="62"/>
      <c r="LMW23" s="56"/>
      <c r="LMX23" s="61"/>
      <c r="LMY23" s="61"/>
      <c r="LMZ23" s="61"/>
      <c r="LNA23" s="61"/>
      <c r="LNB23" s="62"/>
      <c r="LNC23" s="56"/>
      <c r="LND23" s="61"/>
      <c r="LNE23" s="61"/>
      <c r="LNF23" s="61"/>
      <c r="LNG23" s="61"/>
      <c r="LNH23" s="62"/>
      <c r="LNI23" s="56"/>
      <c r="LNJ23" s="61"/>
      <c r="LNK23" s="61"/>
      <c r="LNL23" s="61"/>
      <c r="LNM23" s="61"/>
      <c r="LNN23" s="62"/>
      <c r="LNO23" s="56"/>
      <c r="LNP23" s="61"/>
      <c r="LNQ23" s="61"/>
      <c r="LNR23" s="61"/>
      <c r="LNS23" s="61"/>
      <c r="LNT23" s="62"/>
      <c r="LNU23" s="56"/>
      <c r="LNV23" s="61"/>
      <c r="LNW23" s="61"/>
      <c r="LNX23" s="61"/>
      <c r="LNY23" s="61"/>
      <c r="LNZ23" s="62"/>
      <c r="LOA23" s="56"/>
      <c r="LOB23" s="61"/>
      <c r="LOC23" s="61"/>
      <c r="LOD23" s="61"/>
      <c r="LOE23" s="61"/>
      <c r="LOF23" s="62"/>
      <c r="LOG23" s="56"/>
      <c r="LOH23" s="61"/>
      <c r="LOI23" s="61"/>
      <c r="LOJ23" s="61"/>
      <c r="LOK23" s="61"/>
      <c r="LOL23" s="62"/>
      <c r="LOM23" s="56"/>
      <c r="LON23" s="61"/>
      <c r="LOO23" s="61"/>
      <c r="LOP23" s="61"/>
      <c r="LOQ23" s="61"/>
      <c r="LOR23" s="62"/>
      <c r="LOS23" s="56"/>
      <c r="LOT23" s="61"/>
      <c r="LOU23" s="61"/>
      <c r="LOV23" s="61"/>
      <c r="LOW23" s="61"/>
      <c r="LOX23" s="62"/>
      <c r="LOY23" s="56"/>
      <c r="LOZ23" s="61"/>
      <c r="LPA23" s="61"/>
      <c r="LPB23" s="61"/>
      <c r="LPC23" s="61"/>
      <c r="LPD23" s="62"/>
      <c r="LPE23" s="56"/>
      <c r="LPF23" s="61"/>
      <c r="LPG23" s="61"/>
      <c r="LPH23" s="61"/>
      <c r="LPI23" s="61"/>
      <c r="LPJ23" s="62"/>
      <c r="LPK23" s="56"/>
      <c r="LPL23" s="61"/>
      <c r="LPM23" s="61"/>
      <c r="LPN23" s="61"/>
      <c r="LPO23" s="61"/>
      <c r="LPP23" s="62"/>
      <c r="LPQ23" s="56"/>
      <c r="LPR23" s="61"/>
      <c r="LPS23" s="61"/>
      <c r="LPT23" s="61"/>
      <c r="LPU23" s="61"/>
      <c r="LPV23" s="62"/>
      <c r="LPW23" s="56"/>
      <c r="LPX23" s="61"/>
      <c r="LPY23" s="61"/>
      <c r="LPZ23" s="61"/>
      <c r="LQA23" s="61"/>
      <c r="LQB23" s="62"/>
      <c r="LQC23" s="56"/>
      <c r="LQD23" s="61"/>
      <c r="LQE23" s="61"/>
      <c r="LQF23" s="61"/>
      <c r="LQG23" s="61"/>
      <c r="LQH23" s="62"/>
      <c r="LQI23" s="56"/>
      <c r="LQJ23" s="61"/>
      <c r="LQK23" s="61"/>
      <c r="LQL23" s="61"/>
      <c r="LQM23" s="61"/>
      <c r="LQN23" s="62"/>
      <c r="LQO23" s="56"/>
      <c r="LQP23" s="61"/>
      <c r="LQQ23" s="61"/>
      <c r="LQR23" s="61"/>
      <c r="LQS23" s="61"/>
      <c r="LQT23" s="62"/>
      <c r="LQU23" s="56"/>
      <c r="LQV23" s="61"/>
      <c r="LQW23" s="61"/>
      <c r="LQX23" s="61"/>
      <c r="LQY23" s="61"/>
      <c r="LQZ23" s="62"/>
      <c r="LRA23" s="56"/>
      <c r="LRB23" s="61"/>
      <c r="LRC23" s="61"/>
      <c r="LRD23" s="61"/>
      <c r="LRE23" s="61"/>
      <c r="LRF23" s="62"/>
      <c r="LRG23" s="56"/>
      <c r="LRH23" s="61"/>
      <c r="LRI23" s="61"/>
      <c r="LRJ23" s="61"/>
      <c r="LRK23" s="61"/>
      <c r="LRL23" s="62"/>
      <c r="LRM23" s="56"/>
      <c r="LRN23" s="61"/>
      <c r="LRO23" s="61"/>
      <c r="LRP23" s="61"/>
      <c r="LRQ23" s="61"/>
      <c r="LRR23" s="62"/>
      <c r="LRS23" s="56"/>
      <c r="LRT23" s="61"/>
      <c r="LRU23" s="61"/>
      <c r="LRV23" s="61"/>
      <c r="LRW23" s="61"/>
      <c r="LRX23" s="62"/>
      <c r="LRY23" s="56"/>
      <c r="LRZ23" s="61"/>
      <c r="LSA23" s="61"/>
      <c r="LSB23" s="61"/>
      <c r="LSC23" s="61"/>
      <c r="LSD23" s="62"/>
      <c r="LSE23" s="56"/>
      <c r="LSF23" s="61"/>
      <c r="LSG23" s="61"/>
      <c r="LSH23" s="61"/>
      <c r="LSI23" s="61"/>
      <c r="LSJ23" s="62"/>
      <c r="LSK23" s="56"/>
      <c r="LSL23" s="61"/>
      <c r="LSM23" s="61"/>
      <c r="LSN23" s="61"/>
      <c r="LSO23" s="61"/>
      <c r="LSP23" s="62"/>
      <c r="LSQ23" s="56"/>
      <c r="LSR23" s="61"/>
      <c r="LSS23" s="61"/>
      <c r="LST23" s="61"/>
      <c r="LSU23" s="61"/>
      <c r="LSV23" s="62"/>
      <c r="LSW23" s="56"/>
      <c r="LSX23" s="61"/>
      <c r="LSY23" s="61"/>
      <c r="LSZ23" s="61"/>
      <c r="LTA23" s="61"/>
      <c r="LTB23" s="62"/>
      <c r="LTC23" s="56"/>
      <c r="LTD23" s="61"/>
      <c r="LTE23" s="61"/>
      <c r="LTF23" s="61"/>
      <c r="LTG23" s="61"/>
      <c r="LTH23" s="62"/>
      <c r="LTI23" s="56"/>
      <c r="LTJ23" s="61"/>
      <c r="LTK23" s="61"/>
      <c r="LTL23" s="61"/>
      <c r="LTM23" s="61"/>
      <c r="LTN23" s="62"/>
      <c r="LTO23" s="56"/>
      <c r="LTP23" s="61"/>
      <c r="LTQ23" s="61"/>
      <c r="LTR23" s="61"/>
      <c r="LTS23" s="61"/>
      <c r="LTT23" s="62"/>
      <c r="LTU23" s="56"/>
      <c r="LTV23" s="61"/>
      <c r="LTW23" s="61"/>
      <c r="LTX23" s="61"/>
      <c r="LTY23" s="61"/>
      <c r="LTZ23" s="62"/>
      <c r="LUA23" s="56"/>
      <c r="LUB23" s="61"/>
      <c r="LUC23" s="61"/>
      <c r="LUD23" s="61"/>
      <c r="LUE23" s="61"/>
      <c r="LUF23" s="62"/>
      <c r="LUG23" s="56"/>
      <c r="LUH23" s="61"/>
      <c r="LUI23" s="61"/>
      <c r="LUJ23" s="61"/>
      <c r="LUK23" s="61"/>
      <c r="LUL23" s="62"/>
      <c r="LUM23" s="56"/>
      <c r="LUN23" s="61"/>
      <c r="LUO23" s="61"/>
      <c r="LUP23" s="61"/>
      <c r="LUQ23" s="61"/>
      <c r="LUR23" s="62"/>
      <c r="LUS23" s="56"/>
      <c r="LUT23" s="61"/>
      <c r="LUU23" s="61"/>
      <c r="LUV23" s="61"/>
      <c r="LUW23" s="61"/>
      <c r="LUX23" s="62"/>
      <c r="LUY23" s="56"/>
      <c r="LUZ23" s="61"/>
      <c r="LVA23" s="61"/>
      <c r="LVB23" s="61"/>
      <c r="LVC23" s="61"/>
      <c r="LVD23" s="62"/>
      <c r="LVE23" s="56"/>
      <c r="LVF23" s="61"/>
      <c r="LVG23" s="61"/>
      <c r="LVH23" s="61"/>
      <c r="LVI23" s="61"/>
      <c r="LVJ23" s="62"/>
      <c r="LVK23" s="56"/>
      <c r="LVL23" s="61"/>
      <c r="LVM23" s="61"/>
      <c r="LVN23" s="61"/>
      <c r="LVO23" s="61"/>
      <c r="LVP23" s="62"/>
      <c r="LVQ23" s="56"/>
      <c r="LVR23" s="61"/>
      <c r="LVS23" s="61"/>
      <c r="LVT23" s="61"/>
      <c r="LVU23" s="61"/>
      <c r="LVV23" s="62"/>
      <c r="LVW23" s="56"/>
      <c r="LVX23" s="61"/>
      <c r="LVY23" s="61"/>
      <c r="LVZ23" s="61"/>
      <c r="LWA23" s="61"/>
      <c r="LWB23" s="62"/>
      <c r="LWC23" s="56"/>
      <c r="LWD23" s="61"/>
      <c r="LWE23" s="61"/>
      <c r="LWF23" s="61"/>
      <c r="LWG23" s="61"/>
      <c r="LWH23" s="62"/>
      <c r="LWI23" s="56"/>
      <c r="LWJ23" s="61"/>
      <c r="LWK23" s="61"/>
      <c r="LWL23" s="61"/>
      <c r="LWM23" s="61"/>
      <c r="LWN23" s="62"/>
      <c r="LWO23" s="56"/>
      <c r="LWP23" s="61"/>
      <c r="LWQ23" s="61"/>
      <c r="LWR23" s="61"/>
      <c r="LWS23" s="61"/>
      <c r="LWT23" s="62"/>
      <c r="LWU23" s="56"/>
      <c r="LWV23" s="61"/>
      <c r="LWW23" s="61"/>
      <c r="LWX23" s="61"/>
      <c r="LWY23" s="61"/>
      <c r="LWZ23" s="62"/>
      <c r="LXA23" s="56"/>
      <c r="LXB23" s="61"/>
      <c r="LXC23" s="61"/>
      <c r="LXD23" s="61"/>
      <c r="LXE23" s="61"/>
      <c r="LXF23" s="62"/>
      <c r="LXG23" s="56"/>
      <c r="LXH23" s="61"/>
      <c r="LXI23" s="61"/>
      <c r="LXJ23" s="61"/>
      <c r="LXK23" s="61"/>
      <c r="LXL23" s="62"/>
      <c r="LXM23" s="56"/>
      <c r="LXN23" s="61"/>
      <c r="LXO23" s="61"/>
      <c r="LXP23" s="61"/>
      <c r="LXQ23" s="61"/>
      <c r="LXR23" s="62"/>
      <c r="LXS23" s="56"/>
      <c r="LXT23" s="61"/>
      <c r="LXU23" s="61"/>
      <c r="LXV23" s="61"/>
      <c r="LXW23" s="61"/>
      <c r="LXX23" s="62"/>
      <c r="LXY23" s="56"/>
      <c r="LXZ23" s="61"/>
      <c r="LYA23" s="61"/>
      <c r="LYB23" s="61"/>
      <c r="LYC23" s="61"/>
      <c r="LYD23" s="62"/>
      <c r="LYE23" s="56"/>
      <c r="LYF23" s="61"/>
      <c r="LYG23" s="61"/>
      <c r="LYH23" s="61"/>
      <c r="LYI23" s="61"/>
      <c r="LYJ23" s="62"/>
      <c r="LYK23" s="56"/>
      <c r="LYL23" s="61"/>
      <c r="LYM23" s="61"/>
      <c r="LYN23" s="61"/>
      <c r="LYO23" s="61"/>
      <c r="LYP23" s="62"/>
      <c r="LYQ23" s="56"/>
      <c r="LYR23" s="61"/>
      <c r="LYS23" s="61"/>
      <c r="LYT23" s="61"/>
      <c r="LYU23" s="61"/>
      <c r="LYV23" s="62"/>
      <c r="LYW23" s="56"/>
      <c r="LYX23" s="61"/>
      <c r="LYY23" s="61"/>
      <c r="LYZ23" s="61"/>
      <c r="LZA23" s="61"/>
      <c r="LZB23" s="62"/>
      <c r="LZC23" s="56"/>
      <c r="LZD23" s="61"/>
      <c r="LZE23" s="61"/>
      <c r="LZF23" s="61"/>
      <c r="LZG23" s="61"/>
      <c r="LZH23" s="62"/>
      <c r="LZI23" s="56"/>
      <c r="LZJ23" s="61"/>
      <c r="LZK23" s="61"/>
      <c r="LZL23" s="61"/>
      <c r="LZM23" s="61"/>
      <c r="LZN23" s="62"/>
      <c r="LZO23" s="56"/>
      <c r="LZP23" s="61"/>
      <c r="LZQ23" s="61"/>
      <c r="LZR23" s="61"/>
      <c r="LZS23" s="61"/>
      <c r="LZT23" s="62"/>
      <c r="LZU23" s="56"/>
      <c r="LZV23" s="61"/>
      <c r="LZW23" s="61"/>
      <c r="LZX23" s="61"/>
      <c r="LZY23" s="61"/>
      <c r="LZZ23" s="62"/>
      <c r="MAA23" s="56"/>
      <c r="MAB23" s="61"/>
      <c r="MAC23" s="61"/>
      <c r="MAD23" s="61"/>
      <c r="MAE23" s="61"/>
      <c r="MAF23" s="62"/>
      <c r="MAG23" s="56"/>
      <c r="MAH23" s="61"/>
      <c r="MAI23" s="61"/>
      <c r="MAJ23" s="61"/>
      <c r="MAK23" s="61"/>
      <c r="MAL23" s="62"/>
      <c r="MAM23" s="56"/>
      <c r="MAN23" s="61"/>
      <c r="MAO23" s="61"/>
      <c r="MAP23" s="61"/>
      <c r="MAQ23" s="61"/>
      <c r="MAR23" s="62"/>
      <c r="MAS23" s="56"/>
      <c r="MAT23" s="61"/>
      <c r="MAU23" s="61"/>
      <c r="MAV23" s="61"/>
      <c r="MAW23" s="61"/>
      <c r="MAX23" s="62"/>
      <c r="MAY23" s="56"/>
      <c r="MAZ23" s="61"/>
      <c r="MBA23" s="61"/>
      <c r="MBB23" s="61"/>
      <c r="MBC23" s="61"/>
      <c r="MBD23" s="62"/>
      <c r="MBE23" s="56"/>
      <c r="MBF23" s="61"/>
      <c r="MBG23" s="61"/>
      <c r="MBH23" s="61"/>
      <c r="MBI23" s="61"/>
      <c r="MBJ23" s="62"/>
      <c r="MBK23" s="56"/>
      <c r="MBL23" s="61"/>
      <c r="MBM23" s="61"/>
      <c r="MBN23" s="61"/>
      <c r="MBO23" s="61"/>
      <c r="MBP23" s="62"/>
      <c r="MBQ23" s="56"/>
      <c r="MBR23" s="61"/>
      <c r="MBS23" s="61"/>
      <c r="MBT23" s="61"/>
      <c r="MBU23" s="61"/>
      <c r="MBV23" s="62"/>
      <c r="MBW23" s="56"/>
      <c r="MBX23" s="61"/>
      <c r="MBY23" s="61"/>
      <c r="MBZ23" s="61"/>
      <c r="MCA23" s="61"/>
      <c r="MCB23" s="62"/>
      <c r="MCC23" s="56"/>
      <c r="MCD23" s="61"/>
      <c r="MCE23" s="61"/>
      <c r="MCF23" s="61"/>
      <c r="MCG23" s="61"/>
      <c r="MCH23" s="62"/>
      <c r="MCI23" s="56"/>
      <c r="MCJ23" s="61"/>
      <c r="MCK23" s="61"/>
      <c r="MCL23" s="61"/>
      <c r="MCM23" s="61"/>
      <c r="MCN23" s="62"/>
      <c r="MCO23" s="56"/>
      <c r="MCP23" s="61"/>
      <c r="MCQ23" s="61"/>
      <c r="MCR23" s="61"/>
      <c r="MCS23" s="61"/>
      <c r="MCT23" s="62"/>
      <c r="MCU23" s="56"/>
      <c r="MCV23" s="61"/>
      <c r="MCW23" s="61"/>
      <c r="MCX23" s="61"/>
      <c r="MCY23" s="61"/>
      <c r="MCZ23" s="62"/>
      <c r="MDA23" s="56"/>
      <c r="MDB23" s="61"/>
      <c r="MDC23" s="61"/>
      <c r="MDD23" s="61"/>
      <c r="MDE23" s="61"/>
      <c r="MDF23" s="62"/>
      <c r="MDG23" s="56"/>
      <c r="MDH23" s="61"/>
      <c r="MDI23" s="61"/>
      <c r="MDJ23" s="61"/>
      <c r="MDK23" s="61"/>
      <c r="MDL23" s="62"/>
      <c r="MDM23" s="56"/>
      <c r="MDN23" s="61"/>
      <c r="MDO23" s="61"/>
      <c r="MDP23" s="61"/>
      <c r="MDQ23" s="61"/>
      <c r="MDR23" s="62"/>
      <c r="MDS23" s="56"/>
      <c r="MDT23" s="61"/>
      <c r="MDU23" s="61"/>
      <c r="MDV23" s="61"/>
      <c r="MDW23" s="61"/>
      <c r="MDX23" s="62"/>
      <c r="MDY23" s="56"/>
      <c r="MDZ23" s="61"/>
      <c r="MEA23" s="61"/>
      <c r="MEB23" s="61"/>
      <c r="MEC23" s="61"/>
      <c r="MED23" s="62"/>
      <c r="MEE23" s="56"/>
      <c r="MEF23" s="61"/>
      <c r="MEG23" s="61"/>
      <c r="MEH23" s="61"/>
      <c r="MEI23" s="61"/>
      <c r="MEJ23" s="62"/>
      <c r="MEK23" s="56"/>
      <c r="MEL23" s="61"/>
      <c r="MEM23" s="61"/>
      <c r="MEN23" s="61"/>
      <c r="MEO23" s="61"/>
      <c r="MEP23" s="62"/>
      <c r="MEQ23" s="56"/>
      <c r="MER23" s="61"/>
      <c r="MES23" s="61"/>
      <c r="MET23" s="61"/>
      <c r="MEU23" s="61"/>
      <c r="MEV23" s="62"/>
      <c r="MEW23" s="56"/>
      <c r="MEX23" s="61"/>
      <c r="MEY23" s="61"/>
      <c r="MEZ23" s="61"/>
      <c r="MFA23" s="61"/>
      <c r="MFB23" s="62"/>
      <c r="MFC23" s="56"/>
      <c r="MFD23" s="61"/>
      <c r="MFE23" s="61"/>
      <c r="MFF23" s="61"/>
      <c r="MFG23" s="61"/>
      <c r="MFH23" s="62"/>
      <c r="MFI23" s="56"/>
      <c r="MFJ23" s="61"/>
      <c r="MFK23" s="61"/>
      <c r="MFL23" s="61"/>
      <c r="MFM23" s="61"/>
      <c r="MFN23" s="62"/>
      <c r="MFO23" s="56"/>
      <c r="MFP23" s="61"/>
      <c r="MFQ23" s="61"/>
      <c r="MFR23" s="61"/>
      <c r="MFS23" s="61"/>
      <c r="MFT23" s="62"/>
      <c r="MFU23" s="56"/>
      <c r="MFV23" s="61"/>
      <c r="MFW23" s="61"/>
      <c r="MFX23" s="61"/>
      <c r="MFY23" s="61"/>
      <c r="MFZ23" s="62"/>
      <c r="MGA23" s="56"/>
      <c r="MGB23" s="61"/>
      <c r="MGC23" s="61"/>
      <c r="MGD23" s="61"/>
      <c r="MGE23" s="61"/>
      <c r="MGF23" s="62"/>
      <c r="MGG23" s="56"/>
      <c r="MGH23" s="61"/>
      <c r="MGI23" s="61"/>
      <c r="MGJ23" s="61"/>
      <c r="MGK23" s="61"/>
      <c r="MGL23" s="62"/>
      <c r="MGM23" s="56"/>
      <c r="MGN23" s="61"/>
      <c r="MGO23" s="61"/>
      <c r="MGP23" s="61"/>
      <c r="MGQ23" s="61"/>
      <c r="MGR23" s="62"/>
      <c r="MGS23" s="56"/>
      <c r="MGT23" s="61"/>
      <c r="MGU23" s="61"/>
      <c r="MGV23" s="61"/>
      <c r="MGW23" s="61"/>
      <c r="MGX23" s="62"/>
      <c r="MGY23" s="56"/>
      <c r="MGZ23" s="61"/>
      <c r="MHA23" s="61"/>
      <c r="MHB23" s="61"/>
      <c r="MHC23" s="61"/>
      <c r="MHD23" s="62"/>
      <c r="MHE23" s="56"/>
      <c r="MHF23" s="61"/>
      <c r="MHG23" s="61"/>
      <c r="MHH23" s="61"/>
      <c r="MHI23" s="61"/>
      <c r="MHJ23" s="62"/>
      <c r="MHK23" s="56"/>
      <c r="MHL23" s="61"/>
      <c r="MHM23" s="61"/>
      <c r="MHN23" s="61"/>
      <c r="MHO23" s="61"/>
      <c r="MHP23" s="62"/>
      <c r="MHQ23" s="56"/>
      <c r="MHR23" s="61"/>
      <c r="MHS23" s="61"/>
      <c r="MHT23" s="61"/>
      <c r="MHU23" s="61"/>
      <c r="MHV23" s="62"/>
      <c r="MHW23" s="56"/>
      <c r="MHX23" s="61"/>
      <c r="MHY23" s="61"/>
      <c r="MHZ23" s="61"/>
      <c r="MIA23" s="61"/>
      <c r="MIB23" s="62"/>
      <c r="MIC23" s="56"/>
      <c r="MID23" s="61"/>
      <c r="MIE23" s="61"/>
      <c r="MIF23" s="61"/>
      <c r="MIG23" s="61"/>
      <c r="MIH23" s="62"/>
      <c r="MII23" s="56"/>
      <c r="MIJ23" s="61"/>
      <c r="MIK23" s="61"/>
      <c r="MIL23" s="61"/>
      <c r="MIM23" s="61"/>
      <c r="MIN23" s="62"/>
      <c r="MIO23" s="56"/>
      <c r="MIP23" s="61"/>
      <c r="MIQ23" s="61"/>
      <c r="MIR23" s="61"/>
      <c r="MIS23" s="61"/>
      <c r="MIT23" s="62"/>
      <c r="MIU23" s="56"/>
      <c r="MIV23" s="61"/>
      <c r="MIW23" s="61"/>
      <c r="MIX23" s="61"/>
      <c r="MIY23" s="61"/>
      <c r="MIZ23" s="62"/>
      <c r="MJA23" s="56"/>
      <c r="MJB23" s="61"/>
      <c r="MJC23" s="61"/>
      <c r="MJD23" s="61"/>
      <c r="MJE23" s="61"/>
      <c r="MJF23" s="62"/>
      <c r="MJG23" s="56"/>
      <c r="MJH23" s="61"/>
      <c r="MJI23" s="61"/>
      <c r="MJJ23" s="61"/>
      <c r="MJK23" s="61"/>
      <c r="MJL23" s="62"/>
      <c r="MJM23" s="56"/>
      <c r="MJN23" s="61"/>
      <c r="MJO23" s="61"/>
      <c r="MJP23" s="61"/>
      <c r="MJQ23" s="61"/>
      <c r="MJR23" s="62"/>
      <c r="MJS23" s="56"/>
      <c r="MJT23" s="61"/>
      <c r="MJU23" s="61"/>
      <c r="MJV23" s="61"/>
      <c r="MJW23" s="61"/>
      <c r="MJX23" s="62"/>
      <c r="MJY23" s="56"/>
      <c r="MJZ23" s="61"/>
      <c r="MKA23" s="61"/>
      <c r="MKB23" s="61"/>
      <c r="MKC23" s="61"/>
      <c r="MKD23" s="62"/>
      <c r="MKE23" s="56"/>
      <c r="MKF23" s="61"/>
      <c r="MKG23" s="61"/>
      <c r="MKH23" s="61"/>
      <c r="MKI23" s="61"/>
      <c r="MKJ23" s="62"/>
      <c r="MKK23" s="56"/>
      <c r="MKL23" s="61"/>
      <c r="MKM23" s="61"/>
      <c r="MKN23" s="61"/>
      <c r="MKO23" s="61"/>
      <c r="MKP23" s="62"/>
      <c r="MKQ23" s="56"/>
      <c r="MKR23" s="61"/>
      <c r="MKS23" s="61"/>
      <c r="MKT23" s="61"/>
      <c r="MKU23" s="61"/>
      <c r="MKV23" s="62"/>
      <c r="MKW23" s="56"/>
      <c r="MKX23" s="61"/>
      <c r="MKY23" s="61"/>
      <c r="MKZ23" s="61"/>
      <c r="MLA23" s="61"/>
      <c r="MLB23" s="62"/>
      <c r="MLC23" s="56"/>
      <c r="MLD23" s="61"/>
      <c r="MLE23" s="61"/>
      <c r="MLF23" s="61"/>
      <c r="MLG23" s="61"/>
      <c r="MLH23" s="62"/>
      <c r="MLI23" s="56"/>
      <c r="MLJ23" s="61"/>
      <c r="MLK23" s="61"/>
      <c r="MLL23" s="61"/>
      <c r="MLM23" s="61"/>
      <c r="MLN23" s="62"/>
      <c r="MLO23" s="56"/>
      <c r="MLP23" s="61"/>
      <c r="MLQ23" s="61"/>
      <c r="MLR23" s="61"/>
      <c r="MLS23" s="61"/>
      <c r="MLT23" s="62"/>
      <c r="MLU23" s="56"/>
      <c r="MLV23" s="61"/>
      <c r="MLW23" s="61"/>
      <c r="MLX23" s="61"/>
      <c r="MLY23" s="61"/>
      <c r="MLZ23" s="62"/>
      <c r="MMA23" s="56"/>
      <c r="MMB23" s="61"/>
      <c r="MMC23" s="61"/>
      <c r="MMD23" s="61"/>
      <c r="MME23" s="61"/>
      <c r="MMF23" s="62"/>
      <c r="MMG23" s="56"/>
      <c r="MMH23" s="61"/>
      <c r="MMI23" s="61"/>
      <c r="MMJ23" s="61"/>
      <c r="MMK23" s="61"/>
      <c r="MML23" s="62"/>
      <c r="MMM23" s="56"/>
      <c r="MMN23" s="61"/>
      <c r="MMO23" s="61"/>
      <c r="MMP23" s="61"/>
      <c r="MMQ23" s="61"/>
      <c r="MMR23" s="62"/>
      <c r="MMS23" s="56"/>
      <c r="MMT23" s="61"/>
      <c r="MMU23" s="61"/>
      <c r="MMV23" s="61"/>
      <c r="MMW23" s="61"/>
      <c r="MMX23" s="62"/>
      <c r="MMY23" s="56"/>
      <c r="MMZ23" s="61"/>
      <c r="MNA23" s="61"/>
      <c r="MNB23" s="61"/>
      <c r="MNC23" s="61"/>
      <c r="MND23" s="62"/>
      <c r="MNE23" s="56"/>
      <c r="MNF23" s="61"/>
      <c r="MNG23" s="61"/>
      <c r="MNH23" s="61"/>
      <c r="MNI23" s="61"/>
      <c r="MNJ23" s="62"/>
      <c r="MNK23" s="56"/>
      <c r="MNL23" s="61"/>
      <c r="MNM23" s="61"/>
      <c r="MNN23" s="61"/>
      <c r="MNO23" s="61"/>
      <c r="MNP23" s="62"/>
      <c r="MNQ23" s="56"/>
      <c r="MNR23" s="61"/>
      <c r="MNS23" s="61"/>
      <c r="MNT23" s="61"/>
      <c r="MNU23" s="61"/>
      <c r="MNV23" s="62"/>
      <c r="MNW23" s="56"/>
      <c r="MNX23" s="61"/>
      <c r="MNY23" s="61"/>
      <c r="MNZ23" s="61"/>
      <c r="MOA23" s="61"/>
      <c r="MOB23" s="62"/>
      <c r="MOC23" s="56"/>
      <c r="MOD23" s="61"/>
      <c r="MOE23" s="61"/>
      <c r="MOF23" s="61"/>
      <c r="MOG23" s="61"/>
      <c r="MOH23" s="62"/>
      <c r="MOI23" s="56"/>
      <c r="MOJ23" s="61"/>
      <c r="MOK23" s="61"/>
      <c r="MOL23" s="61"/>
      <c r="MOM23" s="61"/>
      <c r="MON23" s="62"/>
      <c r="MOO23" s="56"/>
      <c r="MOP23" s="61"/>
      <c r="MOQ23" s="61"/>
      <c r="MOR23" s="61"/>
      <c r="MOS23" s="61"/>
      <c r="MOT23" s="62"/>
      <c r="MOU23" s="56"/>
      <c r="MOV23" s="61"/>
      <c r="MOW23" s="61"/>
      <c r="MOX23" s="61"/>
      <c r="MOY23" s="61"/>
      <c r="MOZ23" s="62"/>
      <c r="MPA23" s="56"/>
      <c r="MPB23" s="61"/>
      <c r="MPC23" s="61"/>
      <c r="MPD23" s="61"/>
      <c r="MPE23" s="61"/>
      <c r="MPF23" s="62"/>
      <c r="MPG23" s="56"/>
      <c r="MPH23" s="61"/>
      <c r="MPI23" s="61"/>
      <c r="MPJ23" s="61"/>
      <c r="MPK23" s="61"/>
      <c r="MPL23" s="62"/>
      <c r="MPM23" s="56"/>
      <c r="MPN23" s="61"/>
      <c r="MPO23" s="61"/>
      <c r="MPP23" s="61"/>
      <c r="MPQ23" s="61"/>
      <c r="MPR23" s="62"/>
      <c r="MPS23" s="56"/>
      <c r="MPT23" s="61"/>
      <c r="MPU23" s="61"/>
      <c r="MPV23" s="61"/>
      <c r="MPW23" s="61"/>
      <c r="MPX23" s="62"/>
      <c r="MPY23" s="56"/>
      <c r="MPZ23" s="61"/>
      <c r="MQA23" s="61"/>
      <c r="MQB23" s="61"/>
      <c r="MQC23" s="61"/>
      <c r="MQD23" s="62"/>
      <c r="MQE23" s="56"/>
      <c r="MQF23" s="61"/>
      <c r="MQG23" s="61"/>
      <c r="MQH23" s="61"/>
      <c r="MQI23" s="61"/>
      <c r="MQJ23" s="62"/>
      <c r="MQK23" s="56"/>
      <c r="MQL23" s="61"/>
      <c r="MQM23" s="61"/>
      <c r="MQN23" s="61"/>
      <c r="MQO23" s="61"/>
      <c r="MQP23" s="62"/>
      <c r="MQQ23" s="56"/>
      <c r="MQR23" s="61"/>
      <c r="MQS23" s="61"/>
      <c r="MQT23" s="61"/>
      <c r="MQU23" s="61"/>
      <c r="MQV23" s="62"/>
      <c r="MQW23" s="56"/>
      <c r="MQX23" s="61"/>
      <c r="MQY23" s="61"/>
      <c r="MQZ23" s="61"/>
      <c r="MRA23" s="61"/>
      <c r="MRB23" s="62"/>
      <c r="MRC23" s="56"/>
      <c r="MRD23" s="61"/>
      <c r="MRE23" s="61"/>
      <c r="MRF23" s="61"/>
      <c r="MRG23" s="61"/>
      <c r="MRH23" s="62"/>
      <c r="MRI23" s="56"/>
      <c r="MRJ23" s="61"/>
      <c r="MRK23" s="61"/>
      <c r="MRL23" s="61"/>
      <c r="MRM23" s="61"/>
      <c r="MRN23" s="62"/>
      <c r="MRO23" s="56"/>
      <c r="MRP23" s="61"/>
      <c r="MRQ23" s="61"/>
      <c r="MRR23" s="61"/>
      <c r="MRS23" s="61"/>
      <c r="MRT23" s="62"/>
      <c r="MRU23" s="56"/>
      <c r="MRV23" s="61"/>
      <c r="MRW23" s="61"/>
      <c r="MRX23" s="61"/>
      <c r="MRY23" s="61"/>
      <c r="MRZ23" s="62"/>
      <c r="MSA23" s="56"/>
      <c r="MSB23" s="61"/>
      <c r="MSC23" s="61"/>
      <c r="MSD23" s="61"/>
      <c r="MSE23" s="61"/>
      <c r="MSF23" s="62"/>
      <c r="MSG23" s="56"/>
      <c r="MSH23" s="61"/>
      <c r="MSI23" s="61"/>
      <c r="MSJ23" s="61"/>
      <c r="MSK23" s="61"/>
      <c r="MSL23" s="62"/>
      <c r="MSM23" s="56"/>
      <c r="MSN23" s="61"/>
      <c r="MSO23" s="61"/>
      <c r="MSP23" s="61"/>
      <c r="MSQ23" s="61"/>
      <c r="MSR23" s="62"/>
      <c r="MSS23" s="56"/>
      <c r="MST23" s="61"/>
      <c r="MSU23" s="61"/>
      <c r="MSV23" s="61"/>
      <c r="MSW23" s="61"/>
      <c r="MSX23" s="62"/>
      <c r="MSY23" s="56"/>
      <c r="MSZ23" s="61"/>
      <c r="MTA23" s="61"/>
      <c r="MTB23" s="61"/>
      <c r="MTC23" s="61"/>
      <c r="MTD23" s="62"/>
      <c r="MTE23" s="56"/>
      <c r="MTF23" s="61"/>
      <c r="MTG23" s="61"/>
      <c r="MTH23" s="61"/>
      <c r="MTI23" s="61"/>
      <c r="MTJ23" s="62"/>
      <c r="MTK23" s="56"/>
      <c r="MTL23" s="61"/>
      <c r="MTM23" s="61"/>
      <c r="MTN23" s="61"/>
      <c r="MTO23" s="61"/>
      <c r="MTP23" s="62"/>
      <c r="MTQ23" s="56"/>
      <c r="MTR23" s="61"/>
      <c r="MTS23" s="61"/>
      <c r="MTT23" s="61"/>
      <c r="MTU23" s="61"/>
      <c r="MTV23" s="62"/>
      <c r="MTW23" s="56"/>
      <c r="MTX23" s="61"/>
      <c r="MTY23" s="61"/>
      <c r="MTZ23" s="61"/>
      <c r="MUA23" s="61"/>
      <c r="MUB23" s="62"/>
      <c r="MUC23" s="56"/>
      <c r="MUD23" s="61"/>
      <c r="MUE23" s="61"/>
      <c r="MUF23" s="61"/>
      <c r="MUG23" s="61"/>
      <c r="MUH23" s="62"/>
      <c r="MUI23" s="56"/>
      <c r="MUJ23" s="61"/>
      <c r="MUK23" s="61"/>
      <c r="MUL23" s="61"/>
      <c r="MUM23" s="61"/>
      <c r="MUN23" s="62"/>
      <c r="MUO23" s="56"/>
      <c r="MUP23" s="61"/>
      <c r="MUQ23" s="61"/>
      <c r="MUR23" s="61"/>
      <c r="MUS23" s="61"/>
      <c r="MUT23" s="62"/>
      <c r="MUU23" s="56"/>
      <c r="MUV23" s="61"/>
      <c r="MUW23" s="61"/>
      <c r="MUX23" s="61"/>
      <c r="MUY23" s="61"/>
      <c r="MUZ23" s="62"/>
      <c r="MVA23" s="56"/>
      <c r="MVB23" s="61"/>
      <c r="MVC23" s="61"/>
      <c r="MVD23" s="61"/>
      <c r="MVE23" s="61"/>
      <c r="MVF23" s="62"/>
      <c r="MVG23" s="56"/>
      <c r="MVH23" s="61"/>
      <c r="MVI23" s="61"/>
      <c r="MVJ23" s="61"/>
      <c r="MVK23" s="61"/>
      <c r="MVL23" s="62"/>
      <c r="MVM23" s="56"/>
      <c r="MVN23" s="61"/>
      <c r="MVO23" s="61"/>
      <c r="MVP23" s="61"/>
      <c r="MVQ23" s="61"/>
      <c r="MVR23" s="62"/>
      <c r="MVS23" s="56"/>
      <c r="MVT23" s="61"/>
      <c r="MVU23" s="61"/>
      <c r="MVV23" s="61"/>
      <c r="MVW23" s="61"/>
      <c r="MVX23" s="62"/>
      <c r="MVY23" s="56"/>
      <c r="MVZ23" s="61"/>
      <c r="MWA23" s="61"/>
      <c r="MWB23" s="61"/>
      <c r="MWC23" s="61"/>
      <c r="MWD23" s="62"/>
      <c r="MWE23" s="56"/>
      <c r="MWF23" s="61"/>
      <c r="MWG23" s="61"/>
      <c r="MWH23" s="61"/>
      <c r="MWI23" s="61"/>
      <c r="MWJ23" s="62"/>
      <c r="MWK23" s="56"/>
      <c r="MWL23" s="61"/>
      <c r="MWM23" s="61"/>
      <c r="MWN23" s="61"/>
      <c r="MWO23" s="61"/>
      <c r="MWP23" s="62"/>
      <c r="MWQ23" s="56"/>
      <c r="MWR23" s="61"/>
      <c r="MWS23" s="61"/>
      <c r="MWT23" s="61"/>
      <c r="MWU23" s="61"/>
      <c r="MWV23" s="62"/>
      <c r="MWW23" s="56"/>
      <c r="MWX23" s="61"/>
      <c r="MWY23" s="61"/>
      <c r="MWZ23" s="61"/>
      <c r="MXA23" s="61"/>
      <c r="MXB23" s="62"/>
      <c r="MXC23" s="56"/>
      <c r="MXD23" s="61"/>
      <c r="MXE23" s="61"/>
      <c r="MXF23" s="61"/>
      <c r="MXG23" s="61"/>
      <c r="MXH23" s="62"/>
      <c r="MXI23" s="56"/>
      <c r="MXJ23" s="61"/>
      <c r="MXK23" s="61"/>
      <c r="MXL23" s="61"/>
      <c r="MXM23" s="61"/>
      <c r="MXN23" s="62"/>
      <c r="MXO23" s="56"/>
      <c r="MXP23" s="61"/>
      <c r="MXQ23" s="61"/>
      <c r="MXR23" s="61"/>
      <c r="MXS23" s="61"/>
      <c r="MXT23" s="62"/>
      <c r="MXU23" s="56"/>
      <c r="MXV23" s="61"/>
      <c r="MXW23" s="61"/>
      <c r="MXX23" s="61"/>
      <c r="MXY23" s="61"/>
      <c r="MXZ23" s="62"/>
      <c r="MYA23" s="56"/>
      <c r="MYB23" s="61"/>
      <c r="MYC23" s="61"/>
      <c r="MYD23" s="61"/>
      <c r="MYE23" s="61"/>
      <c r="MYF23" s="62"/>
      <c r="MYG23" s="56"/>
      <c r="MYH23" s="61"/>
      <c r="MYI23" s="61"/>
      <c r="MYJ23" s="61"/>
      <c r="MYK23" s="61"/>
      <c r="MYL23" s="62"/>
      <c r="MYM23" s="56"/>
      <c r="MYN23" s="61"/>
      <c r="MYO23" s="61"/>
      <c r="MYP23" s="61"/>
      <c r="MYQ23" s="61"/>
      <c r="MYR23" s="62"/>
      <c r="MYS23" s="56"/>
      <c r="MYT23" s="61"/>
      <c r="MYU23" s="61"/>
      <c r="MYV23" s="61"/>
      <c r="MYW23" s="61"/>
      <c r="MYX23" s="62"/>
      <c r="MYY23" s="56"/>
      <c r="MYZ23" s="61"/>
      <c r="MZA23" s="61"/>
      <c r="MZB23" s="61"/>
      <c r="MZC23" s="61"/>
      <c r="MZD23" s="62"/>
      <c r="MZE23" s="56"/>
      <c r="MZF23" s="61"/>
      <c r="MZG23" s="61"/>
      <c r="MZH23" s="61"/>
      <c r="MZI23" s="61"/>
      <c r="MZJ23" s="62"/>
      <c r="MZK23" s="56"/>
      <c r="MZL23" s="61"/>
      <c r="MZM23" s="61"/>
      <c r="MZN23" s="61"/>
      <c r="MZO23" s="61"/>
      <c r="MZP23" s="62"/>
      <c r="MZQ23" s="56"/>
      <c r="MZR23" s="61"/>
      <c r="MZS23" s="61"/>
      <c r="MZT23" s="61"/>
      <c r="MZU23" s="61"/>
      <c r="MZV23" s="62"/>
      <c r="MZW23" s="56"/>
      <c r="MZX23" s="61"/>
      <c r="MZY23" s="61"/>
      <c r="MZZ23" s="61"/>
      <c r="NAA23" s="61"/>
      <c r="NAB23" s="62"/>
      <c r="NAC23" s="56"/>
      <c r="NAD23" s="61"/>
      <c r="NAE23" s="61"/>
      <c r="NAF23" s="61"/>
      <c r="NAG23" s="61"/>
      <c r="NAH23" s="62"/>
      <c r="NAI23" s="56"/>
      <c r="NAJ23" s="61"/>
      <c r="NAK23" s="61"/>
      <c r="NAL23" s="61"/>
      <c r="NAM23" s="61"/>
      <c r="NAN23" s="62"/>
      <c r="NAO23" s="56"/>
      <c r="NAP23" s="61"/>
      <c r="NAQ23" s="61"/>
      <c r="NAR23" s="61"/>
      <c r="NAS23" s="61"/>
      <c r="NAT23" s="62"/>
      <c r="NAU23" s="56"/>
      <c r="NAV23" s="61"/>
      <c r="NAW23" s="61"/>
      <c r="NAX23" s="61"/>
      <c r="NAY23" s="61"/>
      <c r="NAZ23" s="62"/>
      <c r="NBA23" s="56"/>
      <c r="NBB23" s="61"/>
      <c r="NBC23" s="61"/>
      <c r="NBD23" s="61"/>
      <c r="NBE23" s="61"/>
      <c r="NBF23" s="62"/>
      <c r="NBG23" s="56"/>
      <c r="NBH23" s="61"/>
      <c r="NBI23" s="61"/>
      <c r="NBJ23" s="61"/>
      <c r="NBK23" s="61"/>
      <c r="NBL23" s="62"/>
      <c r="NBM23" s="56"/>
      <c r="NBN23" s="61"/>
      <c r="NBO23" s="61"/>
      <c r="NBP23" s="61"/>
      <c r="NBQ23" s="61"/>
      <c r="NBR23" s="62"/>
      <c r="NBS23" s="56"/>
      <c r="NBT23" s="61"/>
      <c r="NBU23" s="61"/>
      <c r="NBV23" s="61"/>
      <c r="NBW23" s="61"/>
      <c r="NBX23" s="62"/>
      <c r="NBY23" s="56"/>
      <c r="NBZ23" s="61"/>
      <c r="NCA23" s="61"/>
      <c r="NCB23" s="61"/>
      <c r="NCC23" s="61"/>
      <c r="NCD23" s="62"/>
      <c r="NCE23" s="56"/>
      <c r="NCF23" s="61"/>
      <c r="NCG23" s="61"/>
      <c r="NCH23" s="61"/>
      <c r="NCI23" s="61"/>
      <c r="NCJ23" s="62"/>
      <c r="NCK23" s="56"/>
      <c r="NCL23" s="61"/>
      <c r="NCM23" s="61"/>
      <c r="NCN23" s="61"/>
      <c r="NCO23" s="61"/>
      <c r="NCP23" s="62"/>
      <c r="NCQ23" s="56"/>
      <c r="NCR23" s="61"/>
      <c r="NCS23" s="61"/>
      <c r="NCT23" s="61"/>
      <c r="NCU23" s="61"/>
      <c r="NCV23" s="62"/>
      <c r="NCW23" s="56"/>
      <c r="NCX23" s="61"/>
      <c r="NCY23" s="61"/>
      <c r="NCZ23" s="61"/>
      <c r="NDA23" s="61"/>
      <c r="NDB23" s="62"/>
      <c r="NDC23" s="56"/>
      <c r="NDD23" s="61"/>
      <c r="NDE23" s="61"/>
      <c r="NDF23" s="61"/>
      <c r="NDG23" s="61"/>
      <c r="NDH23" s="62"/>
      <c r="NDI23" s="56"/>
      <c r="NDJ23" s="61"/>
      <c r="NDK23" s="61"/>
      <c r="NDL23" s="61"/>
      <c r="NDM23" s="61"/>
      <c r="NDN23" s="62"/>
      <c r="NDO23" s="56"/>
      <c r="NDP23" s="61"/>
      <c r="NDQ23" s="61"/>
      <c r="NDR23" s="61"/>
      <c r="NDS23" s="61"/>
      <c r="NDT23" s="62"/>
      <c r="NDU23" s="56"/>
      <c r="NDV23" s="61"/>
      <c r="NDW23" s="61"/>
      <c r="NDX23" s="61"/>
      <c r="NDY23" s="61"/>
      <c r="NDZ23" s="62"/>
      <c r="NEA23" s="56"/>
      <c r="NEB23" s="61"/>
      <c r="NEC23" s="61"/>
      <c r="NED23" s="61"/>
      <c r="NEE23" s="61"/>
      <c r="NEF23" s="62"/>
      <c r="NEG23" s="56"/>
      <c r="NEH23" s="61"/>
      <c r="NEI23" s="61"/>
      <c r="NEJ23" s="61"/>
      <c r="NEK23" s="61"/>
      <c r="NEL23" s="62"/>
      <c r="NEM23" s="56"/>
      <c r="NEN23" s="61"/>
      <c r="NEO23" s="61"/>
      <c r="NEP23" s="61"/>
      <c r="NEQ23" s="61"/>
      <c r="NER23" s="62"/>
      <c r="NES23" s="56"/>
      <c r="NET23" s="61"/>
      <c r="NEU23" s="61"/>
      <c r="NEV23" s="61"/>
      <c r="NEW23" s="61"/>
      <c r="NEX23" s="62"/>
      <c r="NEY23" s="56"/>
      <c r="NEZ23" s="61"/>
      <c r="NFA23" s="61"/>
      <c r="NFB23" s="61"/>
      <c r="NFC23" s="61"/>
      <c r="NFD23" s="62"/>
      <c r="NFE23" s="56"/>
      <c r="NFF23" s="61"/>
      <c r="NFG23" s="61"/>
      <c r="NFH23" s="61"/>
      <c r="NFI23" s="61"/>
      <c r="NFJ23" s="62"/>
      <c r="NFK23" s="56"/>
      <c r="NFL23" s="61"/>
      <c r="NFM23" s="61"/>
      <c r="NFN23" s="61"/>
      <c r="NFO23" s="61"/>
      <c r="NFP23" s="62"/>
      <c r="NFQ23" s="56"/>
      <c r="NFR23" s="61"/>
      <c r="NFS23" s="61"/>
      <c r="NFT23" s="61"/>
      <c r="NFU23" s="61"/>
      <c r="NFV23" s="62"/>
      <c r="NFW23" s="56"/>
      <c r="NFX23" s="61"/>
      <c r="NFY23" s="61"/>
      <c r="NFZ23" s="61"/>
      <c r="NGA23" s="61"/>
      <c r="NGB23" s="62"/>
      <c r="NGC23" s="56"/>
      <c r="NGD23" s="61"/>
      <c r="NGE23" s="61"/>
      <c r="NGF23" s="61"/>
      <c r="NGG23" s="61"/>
      <c r="NGH23" s="62"/>
      <c r="NGI23" s="56"/>
      <c r="NGJ23" s="61"/>
      <c r="NGK23" s="61"/>
      <c r="NGL23" s="61"/>
      <c r="NGM23" s="61"/>
      <c r="NGN23" s="62"/>
      <c r="NGO23" s="56"/>
      <c r="NGP23" s="61"/>
      <c r="NGQ23" s="61"/>
      <c r="NGR23" s="61"/>
      <c r="NGS23" s="61"/>
      <c r="NGT23" s="62"/>
      <c r="NGU23" s="56"/>
      <c r="NGV23" s="61"/>
      <c r="NGW23" s="61"/>
      <c r="NGX23" s="61"/>
      <c r="NGY23" s="61"/>
      <c r="NGZ23" s="62"/>
      <c r="NHA23" s="56"/>
      <c r="NHB23" s="61"/>
      <c r="NHC23" s="61"/>
      <c r="NHD23" s="61"/>
      <c r="NHE23" s="61"/>
      <c r="NHF23" s="62"/>
      <c r="NHG23" s="56"/>
      <c r="NHH23" s="61"/>
      <c r="NHI23" s="61"/>
      <c r="NHJ23" s="61"/>
      <c r="NHK23" s="61"/>
      <c r="NHL23" s="62"/>
      <c r="NHM23" s="56"/>
      <c r="NHN23" s="61"/>
      <c r="NHO23" s="61"/>
      <c r="NHP23" s="61"/>
      <c r="NHQ23" s="61"/>
      <c r="NHR23" s="62"/>
      <c r="NHS23" s="56"/>
      <c r="NHT23" s="61"/>
      <c r="NHU23" s="61"/>
      <c r="NHV23" s="61"/>
      <c r="NHW23" s="61"/>
      <c r="NHX23" s="62"/>
      <c r="NHY23" s="56"/>
      <c r="NHZ23" s="61"/>
      <c r="NIA23" s="61"/>
      <c r="NIB23" s="61"/>
      <c r="NIC23" s="61"/>
      <c r="NID23" s="62"/>
      <c r="NIE23" s="56"/>
      <c r="NIF23" s="61"/>
      <c r="NIG23" s="61"/>
      <c r="NIH23" s="61"/>
      <c r="NII23" s="61"/>
      <c r="NIJ23" s="62"/>
      <c r="NIK23" s="56"/>
      <c r="NIL23" s="61"/>
      <c r="NIM23" s="61"/>
      <c r="NIN23" s="61"/>
      <c r="NIO23" s="61"/>
      <c r="NIP23" s="62"/>
      <c r="NIQ23" s="56"/>
      <c r="NIR23" s="61"/>
      <c r="NIS23" s="61"/>
      <c r="NIT23" s="61"/>
      <c r="NIU23" s="61"/>
      <c r="NIV23" s="62"/>
      <c r="NIW23" s="56"/>
      <c r="NIX23" s="61"/>
      <c r="NIY23" s="61"/>
      <c r="NIZ23" s="61"/>
      <c r="NJA23" s="61"/>
      <c r="NJB23" s="62"/>
      <c r="NJC23" s="56"/>
      <c r="NJD23" s="61"/>
      <c r="NJE23" s="61"/>
      <c r="NJF23" s="61"/>
      <c r="NJG23" s="61"/>
      <c r="NJH23" s="62"/>
      <c r="NJI23" s="56"/>
      <c r="NJJ23" s="61"/>
      <c r="NJK23" s="61"/>
      <c r="NJL23" s="61"/>
      <c r="NJM23" s="61"/>
      <c r="NJN23" s="62"/>
      <c r="NJO23" s="56"/>
      <c r="NJP23" s="61"/>
      <c r="NJQ23" s="61"/>
      <c r="NJR23" s="61"/>
      <c r="NJS23" s="61"/>
      <c r="NJT23" s="62"/>
      <c r="NJU23" s="56"/>
      <c r="NJV23" s="61"/>
      <c r="NJW23" s="61"/>
      <c r="NJX23" s="61"/>
      <c r="NJY23" s="61"/>
      <c r="NJZ23" s="62"/>
      <c r="NKA23" s="56"/>
      <c r="NKB23" s="61"/>
      <c r="NKC23" s="61"/>
      <c r="NKD23" s="61"/>
      <c r="NKE23" s="61"/>
      <c r="NKF23" s="62"/>
      <c r="NKG23" s="56"/>
      <c r="NKH23" s="61"/>
      <c r="NKI23" s="61"/>
      <c r="NKJ23" s="61"/>
      <c r="NKK23" s="61"/>
      <c r="NKL23" s="62"/>
      <c r="NKM23" s="56"/>
      <c r="NKN23" s="61"/>
      <c r="NKO23" s="61"/>
      <c r="NKP23" s="61"/>
      <c r="NKQ23" s="61"/>
      <c r="NKR23" s="62"/>
      <c r="NKS23" s="56"/>
      <c r="NKT23" s="61"/>
      <c r="NKU23" s="61"/>
      <c r="NKV23" s="61"/>
      <c r="NKW23" s="61"/>
      <c r="NKX23" s="62"/>
      <c r="NKY23" s="56"/>
      <c r="NKZ23" s="61"/>
      <c r="NLA23" s="61"/>
      <c r="NLB23" s="61"/>
      <c r="NLC23" s="61"/>
      <c r="NLD23" s="62"/>
      <c r="NLE23" s="56"/>
      <c r="NLF23" s="61"/>
      <c r="NLG23" s="61"/>
      <c r="NLH23" s="61"/>
      <c r="NLI23" s="61"/>
      <c r="NLJ23" s="62"/>
      <c r="NLK23" s="56"/>
      <c r="NLL23" s="61"/>
      <c r="NLM23" s="61"/>
      <c r="NLN23" s="61"/>
      <c r="NLO23" s="61"/>
      <c r="NLP23" s="62"/>
      <c r="NLQ23" s="56"/>
      <c r="NLR23" s="61"/>
      <c r="NLS23" s="61"/>
      <c r="NLT23" s="61"/>
      <c r="NLU23" s="61"/>
      <c r="NLV23" s="62"/>
      <c r="NLW23" s="56"/>
      <c r="NLX23" s="61"/>
      <c r="NLY23" s="61"/>
      <c r="NLZ23" s="61"/>
      <c r="NMA23" s="61"/>
      <c r="NMB23" s="62"/>
      <c r="NMC23" s="56"/>
      <c r="NMD23" s="61"/>
      <c r="NME23" s="61"/>
      <c r="NMF23" s="61"/>
      <c r="NMG23" s="61"/>
      <c r="NMH23" s="62"/>
      <c r="NMI23" s="56"/>
      <c r="NMJ23" s="61"/>
      <c r="NMK23" s="61"/>
      <c r="NML23" s="61"/>
      <c r="NMM23" s="61"/>
      <c r="NMN23" s="62"/>
      <c r="NMO23" s="56"/>
      <c r="NMP23" s="61"/>
      <c r="NMQ23" s="61"/>
      <c r="NMR23" s="61"/>
      <c r="NMS23" s="61"/>
      <c r="NMT23" s="62"/>
      <c r="NMU23" s="56"/>
      <c r="NMV23" s="61"/>
      <c r="NMW23" s="61"/>
      <c r="NMX23" s="61"/>
      <c r="NMY23" s="61"/>
      <c r="NMZ23" s="62"/>
      <c r="NNA23" s="56"/>
      <c r="NNB23" s="61"/>
      <c r="NNC23" s="61"/>
      <c r="NND23" s="61"/>
      <c r="NNE23" s="61"/>
      <c r="NNF23" s="62"/>
      <c r="NNG23" s="56"/>
      <c r="NNH23" s="61"/>
      <c r="NNI23" s="61"/>
      <c r="NNJ23" s="61"/>
      <c r="NNK23" s="61"/>
      <c r="NNL23" s="62"/>
      <c r="NNM23" s="56"/>
      <c r="NNN23" s="61"/>
      <c r="NNO23" s="61"/>
      <c r="NNP23" s="61"/>
      <c r="NNQ23" s="61"/>
      <c r="NNR23" s="62"/>
      <c r="NNS23" s="56"/>
      <c r="NNT23" s="61"/>
      <c r="NNU23" s="61"/>
      <c r="NNV23" s="61"/>
      <c r="NNW23" s="61"/>
      <c r="NNX23" s="62"/>
      <c r="NNY23" s="56"/>
      <c r="NNZ23" s="61"/>
      <c r="NOA23" s="61"/>
      <c r="NOB23" s="61"/>
      <c r="NOC23" s="61"/>
      <c r="NOD23" s="62"/>
      <c r="NOE23" s="56"/>
      <c r="NOF23" s="61"/>
      <c r="NOG23" s="61"/>
      <c r="NOH23" s="61"/>
      <c r="NOI23" s="61"/>
      <c r="NOJ23" s="62"/>
      <c r="NOK23" s="56"/>
      <c r="NOL23" s="61"/>
      <c r="NOM23" s="61"/>
      <c r="NON23" s="61"/>
      <c r="NOO23" s="61"/>
      <c r="NOP23" s="62"/>
      <c r="NOQ23" s="56"/>
      <c r="NOR23" s="61"/>
      <c r="NOS23" s="61"/>
      <c r="NOT23" s="61"/>
      <c r="NOU23" s="61"/>
      <c r="NOV23" s="62"/>
      <c r="NOW23" s="56"/>
      <c r="NOX23" s="61"/>
      <c r="NOY23" s="61"/>
      <c r="NOZ23" s="61"/>
      <c r="NPA23" s="61"/>
      <c r="NPB23" s="62"/>
      <c r="NPC23" s="56"/>
      <c r="NPD23" s="61"/>
      <c r="NPE23" s="61"/>
      <c r="NPF23" s="61"/>
      <c r="NPG23" s="61"/>
      <c r="NPH23" s="62"/>
      <c r="NPI23" s="56"/>
      <c r="NPJ23" s="61"/>
      <c r="NPK23" s="61"/>
      <c r="NPL23" s="61"/>
      <c r="NPM23" s="61"/>
      <c r="NPN23" s="62"/>
      <c r="NPO23" s="56"/>
      <c r="NPP23" s="61"/>
      <c r="NPQ23" s="61"/>
      <c r="NPR23" s="61"/>
      <c r="NPS23" s="61"/>
      <c r="NPT23" s="62"/>
      <c r="NPU23" s="56"/>
      <c r="NPV23" s="61"/>
      <c r="NPW23" s="61"/>
      <c r="NPX23" s="61"/>
      <c r="NPY23" s="61"/>
      <c r="NPZ23" s="62"/>
      <c r="NQA23" s="56"/>
      <c r="NQB23" s="61"/>
      <c r="NQC23" s="61"/>
      <c r="NQD23" s="61"/>
      <c r="NQE23" s="61"/>
      <c r="NQF23" s="62"/>
      <c r="NQG23" s="56"/>
      <c r="NQH23" s="61"/>
      <c r="NQI23" s="61"/>
      <c r="NQJ23" s="61"/>
      <c r="NQK23" s="61"/>
      <c r="NQL23" s="62"/>
      <c r="NQM23" s="56"/>
      <c r="NQN23" s="61"/>
      <c r="NQO23" s="61"/>
      <c r="NQP23" s="61"/>
      <c r="NQQ23" s="61"/>
      <c r="NQR23" s="62"/>
      <c r="NQS23" s="56"/>
      <c r="NQT23" s="61"/>
      <c r="NQU23" s="61"/>
      <c r="NQV23" s="61"/>
      <c r="NQW23" s="61"/>
      <c r="NQX23" s="62"/>
      <c r="NQY23" s="56"/>
      <c r="NQZ23" s="61"/>
      <c r="NRA23" s="61"/>
      <c r="NRB23" s="61"/>
      <c r="NRC23" s="61"/>
      <c r="NRD23" s="62"/>
      <c r="NRE23" s="56"/>
      <c r="NRF23" s="61"/>
      <c r="NRG23" s="61"/>
      <c r="NRH23" s="61"/>
      <c r="NRI23" s="61"/>
      <c r="NRJ23" s="62"/>
      <c r="NRK23" s="56"/>
      <c r="NRL23" s="61"/>
      <c r="NRM23" s="61"/>
      <c r="NRN23" s="61"/>
      <c r="NRO23" s="61"/>
      <c r="NRP23" s="62"/>
      <c r="NRQ23" s="56"/>
      <c r="NRR23" s="61"/>
      <c r="NRS23" s="61"/>
      <c r="NRT23" s="61"/>
      <c r="NRU23" s="61"/>
      <c r="NRV23" s="62"/>
      <c r="NRW23" s="56"/>
      <c r="NRX23" s="61"/>
      <c r="NRY23" s="61"/>
      <c r="NRZ23" s="61"/>
      <c r="NSA23" s="61"/>
      <c r="NSB23" s="62"/>
      <c r="NSC23" s="56"/>
      <c r="NSD23" s="61"/>
      <c r="NSE23" s="61"/>
      <c r="NSF23" s="61"/>
      <c r="NSG23" s="61"/>
      <c r="NSH23" s="62"/>
      <c r="NSI23" s="56"/>
      <c r="NSJ23" s="61"/>
      <c r="NSK23" s="61"/>
      <c r="NSL23" s="61"/>
      <c r="NSM23" s="61"/>
      <c r="NSN23" s="62"/>
      <c r="NSO23" s="56"/>
      <c r="NSP23" s="61"/>
      <c r="NSQ23" s="61"/>
      <c r="NSR23" s="61"/>
      <c r="NSS23" s="61"/>
      <c r="NST23" s="62"/>
      <c r="NSU23" s="56"/>
      <c r="NSV23" s="61"/>
      <c r="NSW23" s="61"/>
      <c r="NSX23" s="61"/>
      <c r="NSY23" s="61"/>
      <c r="NSZ23" s="62"/>
      <c r="NTA23" s="56"/>
      <c r="NTB23" s="61"/>
      <c r="NTC23" s="61"/>
      <c r="NTD23" s="61"/>
      <c r="NTE23" s="61"/>
      <c r="NTF23" s="62"/>
      <c r="NTG23" s="56"/>
      <c r="NTH23" s="61"/>
      <c r="NTI23" s="61"/>
      <c r="NTJ23" s="61"/>
      <c r="NTK23" s="61"/>
      <c r="NTL23" s="62"/>
      <c r="NTM23" s="56"/>
      <c r="NTN23" s="61"/>
      <c r="NTO23" s="61"/>
      <c r="NTP23" s="61"/>
      <c r="NTQ23" s="61"/>
      <c r="NTR23" s="62"/>
      <c r="NTS23" s="56"/>
      <c r="NTT23" s="61"/>
      <c r="NTU23" s="61"/>
      <c r="NTV23" s="61"/>
      <c r="NTW23" s="61"/>
      <c r="NTX23" s="62"/>
      <c r="NTY23" s="56"/>
      <c r="NTZ23" s="61"/>
      <c r="NUA23" s="61"/>
      <c r="NUB23" s="61"/>
      <c r="NUC23" s="61"/>
      <c r="NUD23" s="62"/>
      <c r="NUE23" s="56"/>
      <c r="NUF23" s="61"/>
      <c r="NUG23" s="61"/>
      <c r="NUH23" s="61"/>
      <c r="NUI23" s="61"/>
      <c r="NUJ23" s="62"/>
      <c r="NUK23" s="56"/>
      <c r="NUL23" s="61"/>
      <c r="NUM23" s="61"/>
      <c r="NUN23" s="61"/>
      <c r="NUO23" s="61"/>
      <c r="NUP23" s="62"/>
      <c r="NUQ23" s="56"/>
      <c r="NUR23" s="61"/>
      <c r="NUS23" s="61"/>
      <c r="NUT23" s="61"/>
      <c r="NUU23" s="61"/>
      <c r="NUV23" s="62"/>
      <c r="NUW23" s="56"/>
      <c r="NUX23" s="61"/>
      <c r="NUY23" s="61"/>
      <c r="NUZ23" s="61"/>
      <c r="NVA23" s="61"/>
      <c r="NVB23" s="62"/>
      <c r="NVC23" s="56"/>
      <c r="NVD23" s="61"/>
      <c r="NVE23" s="61"/>
      <c r="NVF23" s="61"/>
      <c r="NVG23" s="61"/>
      <c r="NVH23" s="62"/>
      <c r="NVI23" s="56"/>
      <c r="NVJ23" s="61"/>
      <c r="NVK23" s="61"/>
      <c r="NVL23" s="61"/>
      <c r="NVM23" s="61"/>
      <c r="NVN23" s="62"/>
      <c r="NVO23" s="56"/>
      <c r="NVP23" s="61"/>
      <c r="NVQ23" s="61"/>
      <c r="NVR23" s="61"/>
      <c r="NVS23" s="61"/>
      <c r="NVT23" s="62"/>
      <c r="NVU23" s="56"/>
      <c r="NVV23" s="61"/>
      <c r="NVW23" s="61"/>
      <c r="NVX23" s="61"/>
      <c r="NVY23" s="61"/>
      <c r="NVZ23" s="62"/>
      <c r="NWA23" s="56"/>
      <c r="NWB23" s="61"/>
      <c r="NWC23" s="61"/>
      <c r="NWD23" s="61"/>
      <c r="NWE23" s="61"/>
      <c r="NWF23" s="62"/>
      <c r="NWG23" s="56"/>
      <c r="NWH23" s="61"/>
      <c r="NWI23" s="61"/>
      <c r="NWJ23" s="61"/>
      <c r="NWK23" s="61"/>
      <c r="NWL23" s="62"/>
      <c r="NWM23" s="56"/>
      <c r="NWN23" s="61"/>
      <c r="NWO23" s="61"/>
      <c r="NWP23" s="61"/>
      <c r="NWQ23" s="61"/>
      <c r="NWR23" s="62"/>
      <c r="NWS23" s="56"/>
      <c r="NWT23" s="61"/>
      <c r="NWU23" s="61"/>
      <c r="NWV23" s="61"/>
      <c r="NWW23" s="61"/>
      <c r="NWX23" s="62"/>
      <c r="NWY23" s="56"/>
      <c r="NWZ23" s="61"/>
      <c r="NXA23" s="61"/>
      <c r="NXB23" s="61"/>
      <c r="NXC23" s="61"/>
      <c r="NXD23" s="62"/>
      <c r="NXE23" s="56"/>
      <c r="NXF23" s="61"/>
      <c r="NXG23" s="61"/>
      <c r="NXH23" s="61"/>
      <c r="NXI23" s="61"/>
      <c r="NXJ23" s="62"/>
      <c r="NXK23" s="56"/>
      <c r="NXL23" s="61"/>
      <c r="NXM23" s="61"/>
      <c r="NXN23" s="61"/>
      <c r="NXO23" s="61"/>
      <c r="NXP23" s="62"/>
      <c r="NXQ23" s="56"/>
      <c r="NXR23" s="61"/>
      <c r="NXS23" s="61"/>
      <c r="NXT23" s="61"/>
      <c r="NXU23" s="61"/>
      <c r="NXV23" s="62"/>
      <c r="NXW23" s="56"/>
      <c r="NXX23" s="61"/>
      <c r="NXY23" s="61"/>
      <c r="NXZ23" s="61"/>
      <c r="NYA23" s="61"/>
      <c r="NYB23" s="62"/>
      <c r="NYC23" s="56"/>
      <c r="NYD23" s="61"/>
      <c r="NYE23" s="61"/>
      <c r="NYF23" s="61"/>
      <c r="NYG23" s="61"/>
      <c r="NYH23" s="62"/>
      <c r="NYI23" s="56"/>
      <c r="NYJ23" s="61"/>
      <c r="NYK23" s="61"/>
      <c r="NYL23" s="61"/>
      <c r="NYM23" s="61"/>
      <c r="NYN23" s="62"/>
      <c r="NYO23" s="56"/>
      <c r="NYP23" s="61"/>
      <c r="NYQ23" s="61"/>
      <c r="NYR23" s="61"/>
      <c r="NYS23" s="61"/>
      <c r="NYT23" s="62"/>
      <c r="NYU23" s="56"/>
      <c r="NYV23" s="61"/>
      <c r="NYW23" s="61"/>
      <c r="NYX23" s="61"/>
      <c r="NYY23" s="61"/>
      <c r="NYZ23" s="62"/>
      <c r="NZA23" s="56"/>
      <c r="NZB23" s="61"/>
      <c r="NZC23" s="61"/>
      <c r="NZD23" s="61"/>
      <c r="NZE23" s="61"/>
      <c r="NZF23" s="62"/>
      <c r="NZG23" s="56"/>
      <c r="NZH23" s="61"/>
      <c r="NZI23" s="61"/>
      <c r="NZJ23" s="61"/>
      <c r="NZK23" s="61"/>
      <c r="NZL23" s="62"/>
      <c r="NZM23" s="56"/>
      <c r="NZN23" s="61"/>
      <c r="NZO23" s="61"/>
      <c r="NZP23" s="61"/>
      <c r="NZQ23" s="61"/>
      <c r="NZR23" s="62"/>
      <c r="NZS23" s="56"/>
      <c r="NZT23" s="61"/>
      <c r="NZU23" s="61"/>
      <c r="NZV23" s="61"/>
      <c r="NZW23" s="61"/>
      <c r="NZX23" s="62"/>
      <c r="NZY23" s="56"/>
      <c r="NZZ23" s="61"/>
      <c r="OAA23" s="61"/>
      <c r="OAB23" s="61"/>
      <c r="OAC23" s="61"/>
      <c r="OAD23" s="62"/>
      <c r="OAE23" s="56"/>
      <c r="OAF23" s="61"/>
      <c r="OAG23" s="61"/>
      <c r="OAH23" s="61"/>
      <c r="OAI23" s="61"/>
      <c r="OAJ23" s="62"/>
      <c r="OAK23" s="56"/>
      <c r="OAL23" s="61"/>
      <c r="OAM23" s="61"/>
      <c r="OAN23" s="61"/>
      <c r="OAO23" s="61"/>
      <c r="OAP23" s="62"/>
      <c r="OAQ23" s="56"/>
      <c r="OAR23" s="61"/>
      <c r="OAS23" s="61"/>
      <c r="OAT23" s="61"/>
      <c r="OAU23" s="61"/>
      <c r="OAV23" s="62"/>
      <c r="OAW23" s="56"/>
      <c r="OAX23" s="61"/>
      <c r="OAY23" s="61"/>
      <c r="OAZ23" s="61"/>
      <c r="OBA23" s="61"/>
      <c r="OBB23" s="62"/>
      <c r="OBC23" s="56"/>
      <c r="OBD23" s="61"/>
      <c r="OBE23" s="61"/>
      <c r="OBF23" s="61"/>
      <c r="OBG23" s="61"/>
      <c r="OBH23" s="62"/>
      <c r="OBI23" s="56"/>
      <c r="OBJ23" s="61"/>
      <c r="OBK23" s="61"/>
      <c r="OBL23" s="61"/>
      <c r="OBM23" s="61"/>
      <c r="OBN23" s="62"/>
      <c r="OBO23" s="56"/>
      <c r="OBP23" s="61"/>
      <c r="OBQ23" s="61"/>
      <c r="OBR23" s="61"/>
      <c r="OBS23" s="61"/>
      <c r="OBT23" s="62"/>
      <c r="OBU23" s="56"/>
      <c r="OBV23" s="61"/>
      <c r="OBW23" s="61"/>
      <c r="OBX23" s="61"/>
      <c r="OBY23" s="61"/>
      <c r="OBZ23" s="62"/>
      <c r="OCA23" s="56"/>
      <c r="OCB23" s="61"/>
      <c r="OCC23" s="61"/>
      <c r="OCD23" s="61"/>
      <c r="OCE23" s="61"/>
      <c r="OCF23" s="62"/>
      <c r="OCG23" s="56"/>
      <c r="OCH23" s="61"/>
      <c r="OCI23" s="61"/>
      <c r="OCJ23" s="61"/>
      <c r="OCK23" s="61"/>
      <c r="OCL23" s="62"/>
      <c r="OCM23" s="56"/>
      <c r="OCN23" s="61"/>
      <c r="OCO23" s="61"/>
      <c r="OCP23" s="61"/>
      <c r="OCQ23" s="61"/>
      <c r="OCR23" s="62"/>
      <c r="OCS23" s="56"/>
      <c r="OCT23" s="61"/>
      <c r="OCU23" s="61"/>
      <c r="OCV23" s="61"/>
      <c r="OCW23" s="61"/>
      <c r="OCX23" s="62"/>
      <c r="OCY23" s="56"/>
      <c r="OCZ23" s="61"/>
      <c r="ODA23" s="61"/>
      <c r="ODB23" s="61"/>
      <c r="ODC23" s="61"/>
      <c r="ODD23" s="62"/>
      <c r="ODE23" s="56"/>
      <c r="ODF23" s="61"/>
      <c r="ODG23" s="61"/>
      <c r="ODH23" s="61"/>
      <c r="ODI23" s="61"/>
      <c r="ODJ23" s="62"/>
      <c r="ODK23" s="56"/>
      <c r="ODL23" s="61"/>
      <c r="ODM23" s="61"/>
      <c r="ODN23" s="61"/>
      <c r="ODO23" s="61"/>
      <c r="ODP23" s="62"/>
      <c r="ODQ23" s="56"/>
      <c r="ODR23" s="61"/>
      <c r="ODS23" s="61"/>
      <c r="ODT23" s="61"/>
      <c r="ODU23" s="61"/>
      <c r="ODV23" s="62"/>
      <c r="ODW23" s="56"/>
      <c r="ODX23" s="61"/>
      <c r="ODY23" s="61"/>
      <c r="ODZ23" s="61"/>
      <c r="OEA23" s="61"/>
      <c r="OEB23" s="62"/>
      <c r="OEC23" s="56"/>
      <c r="OED23" s="61"/>
      <c r="OEE23" s="61"/>
      <c r="OEF23" s="61"/>
      <c r="OEG23" s="61"/>
      <c r="OEH23" s="62"/>
      <c r="OEI23" s="56"/>
      <c r="OEJ23" s="61"/>
      <c r="OEK23" s="61"/>
      <c r="OEL23" s="61"/>
      <c r="OEM23" s="61"/>
      <c r="OEN23" s="62"/>
      <c r="OEO23" s="56"/>
      <c r="OEP23" s="61"/>
      <c r="OEQ23" s="61"/>
      <c r="OER23" s="61"/>
      <c r="OES23" s="61"/>
      <c r="OET23" s="62"/>
      <c r="OEU23" s="56"/>
      <c r="OEV23" s="61"/>
      <c r="OEW23" s="61"/>
      <c r="OEX23" s="61"/>
      <c r="OEY23" s="61"/>
      <c r="OEZ23" s="62"/>
      <c r="OFA23" s="56"/>
      <c r="OFB23" s="61"/>
      <c r="OFC23" s="61"/>
      <c r="OFD23" s="61"/>
      <c r="OFE23" s="61"/>
      <c r="OFF23" s="62"/>
      <c r="OFG23" s="56"/>
      <c r="OFH23" s="61"/>
      <c r="OFI23" s="61"/>
      <c r="OFJ23" s="61"/>
      <c r="OFK23" s="61"/>
      <c r="OFL23" s="62"/>
      <c r="OFM23" s="56"/>
      <c r="OFN23" s="61"/>
      <c r="OFO23" s="61"/>
      <c r="OFP23" s="61"/>
      <c r="OFQ23" s="61"/>
      <c r="OFR23" s="62"/>
      <c r="OFS23" s="56"/>
      <c r="OFT23" s="61"/>
      <c r="OFU23" s="61"/>
      <c r="OFV23" s="61"/>
      <c r="OFW23" s="61"/>
      <c r="OFX23" s="62"/>
      <c r="OFY23" s="56"/>
      <c r="OFZ23" s="61"/>
      <c r="OGA23" s="61"/>
      <c r="OGB23" s="61"/>
      <c r="OGC23" s="61"/>
      <c r="OGD23" s="62"/>
      <c r="OGE23" s="56"/>
      <c r="OGF23" s="61"/>
      <c r="OGG23" s="61"/>
      <c r="OGH23" s="61"/>
      <c r="OGI23" s="61"/>
      <c r="OGJ23" s="62"/>
      <c r="OGK23" s="56"/>
      <c r="OGL23" s="61"/>
      <c r="OGM23" s="61"/>
      <c r="OGN23" s="61"/>
      <c r="OGO23" s="61"/>
      <c r="OGP23" s="62"/>
      <c r="OGQ23" s="56"/>
      <c r="OGR23" s="61"/>
      <c r="OGS23" s="61"/>
      <c r="OGT23" s="61"/>
      <c r="OGU23" s="61"/>
      <c r="OGV23" s="62"/>
      <c r="OGW23" s="56"/>
      <c r="OGX23" s="61"/>
      <c r="OGY23" s="61"/>
      <c r="OGZ23" s="61"/>
      <c r="OHA23" s="61"/>
      <c r="OHB23" s="62"/>
      <c r="OHC23" s="56"/>
      <c r="OHD23" s="61"/>
      <c r="OHE23" s="61"/>
      <c r="OHF23" s="61"/>
      <c r="OHG23" s="61"/>
      <c r="OHH23" s="62"/>
      <c r="OHI23" s="56"/>
      <c r="OHJ23" s="61"/>
      <c r="OHK23" s="61"/>
      <c r="OHL23" s="61"/>
      <c r="OHM23" s="61"/>
      <c r="OHN23" s="62"/>
      <c r="OHO23" s="56"/>
      <c r="OHP23" s="61"/>
      <c r="OHQ23" s="61"/>
      <c r="OHR23" s="61"/>
      <c r="OHS23" s="61"/>
      <c r="OHT23" s="62"/>
      <c r="OHU23" s="56"/>
      <c r="OHV23" s="61"/>
      <c r="OHW23" s="61"/>
      <c r="OHX23" s="61"/>
      <c r="OHY23" s="61"/>
      <c r="OHZ23" s="62"/>
      <c r="OIA23" s="56"/>
      <c r="OIB23" s="61"/>
      <c r="OIC23" s="61"/>
      <c r="OID23" s="61"/>
      <c r="OIE23" s="61"/>
      <c r="OIF23" s="62"/>
      <c r="OIG23" s="56"/>
      <c r="OIH23" s="61"/>
      <c r="OII23" s="61"/>
      <c r="OIJ23" s="61"/>
      <c r="OIK23" s="61"/>
      <c r="OIL23" s="62"/>
      <c r="OIM23" s="56"/>
      <c r="OIN23" s="61"/>
      <c r="OIO23" s="61"/>
      <c r="OIP23" s="61"/>
      <c r="OIQ23" s="61"/>
      <c r="OIR23" s="62"/>
      <c r="OIS23" s="56"/>
      <c r="OIT23" s="61"/>
      <c r="OIU23" s="61"/>
      <c r="OIV23" s="61"/>
      <c r="OIW23" s="61"/>
      <c r="OIX23" s="62"/>
      <c r="OIY23" s="56"/>
      <c r="OIZ23" s="61"/>
      <c r="OJA23" s="61"/>
      <c r="OJB23" s="61"/>
      <c r="OJC23" s="61"/>
      <c r="OJD23" s="62"/>
      <c r="OJE23" s="56"/>
      <c r="OJF23" s="61"/>
      <c r="OJG23" s="61"/>
      <c r="OJH23" s="61"/>
      <c r="OJI23" s="61"/>
      <c r="OJJ23" s="62"/>
      <c r="OJK23" s="56"/>
      <c r="OJL23" s="61"/>
      <c r="OJM23" s="61"/>
      <c r="OJN23" s="61"/>
      <c r="OJO23" s="61"/>
      <c r="OJP23" s="62"/>
      <c r="OJQ23" s="56"/>
      <c r="OJR23" s="61"/>
      <c r="OJS23" s="61"/>
      <c r="OJT23" s="61"/>
      <c r="OJU23" s="61"/>
      <c r="OJV23" s="62"/>
      <c r="OJW23" s="56"/>
      <c r="OJX23" s="61"/>
      <c r="OJY23" s="61"/>
      <c r="OJZ23" s="61"/>
      <c r="OKA23" s="61"/>
      <c r="OKB23" s="62"/>
      <c r="OKC23" s="56"/>
      <c r="OKD23" s="61"/>
      <c r="OKE23" s="61"/>
      <c r="OKF23" s="61"/>
      <c r="OKG23" s="61"/>
      <c r="OKH23" s="62"/>
      <c r="OKI23" s="56"/>
      <c r="OKJ23" s="61"/>
      <c r="OKK23" s="61"/>
      <c r="OKL23" s="61"/>
      <c r="OKM23" s="61"/>
      <c r="OKN23" s="62"/>
      <c r="OKO23" s="56"/>
      <c r="OKP23" s="61"/>
      <c r="OKQ23" s="61"/>
      <c r="OKR23" s="61"/>
      <c r="OKS23" s="61"/>
      <c r="OKT23" s="62"/>
      <c r="OKU23" s="56"/>
      <c r="OKV23" s="61"/>
      <c r="OKW23" s="61"/>
      <c r="OKX23" s="61"/>
      <c r="OKY23" s="61"/>
      <c r="OKZ23" s="62"/>
      <c r="OLA23" s="56"/>
      <c r="OLB23" s="61"/>
      <c r="OLC23" s="61"/>
      <c r="OLD23" s="61"/>
      <c r="OLE23" s="61"/>
      <c r="OLF23" s="62"/>
      <c r="OLG23" s="56"/>
      <c r="OLH23" s="61"/>
      <c r="OLI23" s="61"/>
      <c r="OLJ23" s="61"/>
      <c r="OLK23" s="61"/>
      <c r="OLL23" s="62"/>
      <c r="OLM23" s="56"/>
      <c r="OLN23" s="61"/>
      <c r="OLO23" s="61"/>
      <c r="OLP23" s="61"/>
      <c r="OLQ23" s="61"/>
      <c r="OLR23" s="62"/>
      <c r="OLS23" s="56"/>
      <c r="OLT23" s="61"/>
      <c r="OLU23" s="61"/>
      <c r="OLV23" s="61"/>
      <c r="OLW23" s="61"/>
      <c r="OLX23" s="62"/>
      <c r="OLY23" s="56"/>
      <c r="OLZ23" s="61"/>
      <c r="OMA23" s="61"/>
      <c r="OMB23" s="61"/>
      <c r="OMC23" s="61"/>
      <c r="OMD23" s="62"/>
      <c r="OME23" s="56"/>
      <c r="OMF23" s="61"/>
      <c r="OMG23" s="61"/>
      <c r="OMH23" s="61"/>
      <c r="OMI23" s="61"/>
      <c r="OMJ23" s="62"/>
      <c r="OMK23" s="56"/>
      <c r="OML23" s="61"/>
      <c r="OMM23" s="61"/>
      <c r="OMN23" s="61"/>
      <c r="OMO23" s="61"/>
      <c r="OMP23" s="62"/>
      <c r="OMQ23" s="56"/>
      <c r="OMR23" s="61"/>
      <c r="OMS23" s="61"/>
      <c r="OMT23" s="61"/>
      <c r="OMU23" s="61"/>
      <c r="OMV23" s="62"/>
      <c r="OMW23" s="56"/>
      <c r="OMX23" s="61"/>
      <c r="OMY23" s="61"/>
      <c r="OMZ23" s="61"/>
      <c r="ONA23" s="61"/>
      <c r="ONB23" s="62"/>
      <c r="ONC23" s="56"/>
      <c r="OND23" s="61"/>
      <c r="ONE23" s="61"/>
      <c r="ONF23" s="61"/>
      <c r="ONG23" s="61"/>
      <c r="ONH23" s="62"/>
      <c r="ONI23" s="56"/>
      <c r="ONJ23" s="61"/>
      <c r="ONK23" s="61"/>
      <c r="ONL23" s="61"/>
      <c r="ONM23" s="61"/>
      <c r="ONN23" s="62"/>
      <c r="ONO23" s="56"/>
      <c r="ONP23" s="61"/>
      <c r="ONQ23" s="61"/>
      <c r="ONR23" s="61"/>
      <c r="ONS23" s="61"/>
      <c r="ONT23" s="62"/>
      <c r="ONU23" s="56"/>
      <c r="ONV23" s="61"/>
      <c r="ONW23" s="61"/>
      <c r="ONX23" s="61"/>
      <c r="ONY23" s="61"/>
      <c r="ONZ23" s="62"/>
      <c r="OOA23" s="56"/>
      <c r="OOB23" s="61"/>
      <c r="OOC23" s="61"/>
      <c r="OOD23" s="61"/>
      <c r="OOE23" s="61"/>
      <c r="OOF23" s="62"/>
      <c r="OOG23" s="56"/>
      <c r="OOH23" s="61"/>
      <c r="OOI23" s="61"/>
      <c r="OOJ23" s="61"/>
      <c r="OOK23" s="61"/>
      <c r="OOL23" s="62"/>
      <c r="OOM23" s="56"/>
      <c r="OON23" s="61"/>
      <c r="OOO23" s="61"/>
      <c r="OOP23" s="61"/>
      <c r="OOQ23" s="61"/>
      <c r="OOR23" s="62"/>
      <c r="OOS23" s="56"/>
      <c r="OOT23" s="61"/>
      <c r="OOU23" s="61"/>
      <c r="OOV23" s="61"/>
      <c r="OOW23" s="61"/>
      <c r="OOX23" s="62"/>
      <c r="OOY23" s="56"/>
      <c r="OOZ23" s="61"/>
      <c r="OPA23" s="61"/>
      <c r="OPB23" s="61"/>
      <c r="OPC23" s="61"/>
      <c r="OPD23" s="62"/>
      <c r="OPE23" s="56"/>
      <c r="OPF23" s="61"/>
      <c r="OPG23" s="61"/>
      <c r="OPH23" s="61"/>
      <c r="OPI23" s="61"/>
      <c r="OPJ23" s="62"/>
      <c r="OPK23" s="56"/>
      <c r="OPL23" s="61"/>
      <c r="OPM23" s="61"/>
      <c r="OPN23" s="61"/>
      <c r="OPO23" s="61"/>
      <c r="OPP23" s="62"/>
      <c r="OPQ23" s="56"/>
      <c r="OPR23" s="61"/>
      <c r="OPS23" s="61"/>
      <c r="OPT23" s="61"/>
      <c r="OPU23" s="61"/>
      <c r="OPV23" s="62"/>
      <c r="OPW23" s="56"/>
      <c r="OPX23" s="61"/>
      <c r="OPY23" s="61"/>
      <c r="OPZ23" s="61"/>
      <c r="OQA23" s="61"/>
      <c r="OQB23" s="62"/>
      <c r="OQC23" s="56"/>
      <c r="OQD23" s="61"/>
      <c r="OQE23" s="61"/>
      <c r="OQF23" s="61"/>
      <c r="OQG23" s="61"/>
      <c r="OQH23" s="62"/>
      <c r="OQI23" s="56"/>
      <c r="OQJ23" s="61"/>
      <c r="OQK23" s="61"/>
      <c r="OQL23" s="61"/>
      <c r="OQM23" s="61"/>
      <c r="OQN23" s="62"/>
      <c r="OQO23" s="56"/>
      <c r="OQP23" s="61"/>
      <c r="OQQ23" s="61"/>
      <c r="OQR23" s="61"/>
      <c r="OQS23" s="61"/>
      <c r="OQT23" s="62"/>
      <c r="OQU23" s="56"/>
      <c r="OQV23" s="61"/>
      <c r="OQW23" s="61"/>
      <c r="OQX23" s="61"/>
      <c r="OQY23" s="61"/>
      <c r="OQZ23" s="62"/>
      <c r="ORA23" s="56"/>
      <c r="ORB23" s="61"/>
      <c r="ORC23" s="61"/>
      <c r="ORD23" s="61"/>
      <c r="ORE23" s="61"/>
      <c r="ORF23" s="62"/>
      <c r="ORG23" s="56"/>
      <c r="ORH23" s="61"/>
      <c r="ORI23" s="61"/>
      <c r="ORJ23" s="61"/>
      <c r="ORK23" s="61"/>
      <c r="ORL23" s="62"/>
      <c r="ORM23" s="56"/>
      <c r="ORN23" s="61"/>
      <c r="ORO23" s="61"/>
      <c r="ORP23" s="61"/>
      <c r="ORQ23" s="61"/>
      <c r="ORR23" s="62"/>
      <c r="ORS23" s="56"/>
      <c r="ORT23" s="61"/>
      <c r="ORU23" s="61"/>
      <c r="ORV23" s="61"/>
      <c r="ORW23" s="61"/>
      <c r="ORX23" s="62"/>
      <c r="ORY23" s="56"/>
      <c r="ORZ23" s="61"/>
      <c r="OSA23" s="61"/>
      <c r="OSB23" s="61"/>
      <c r="OSC23" s="61"/>
      <c r="OSD23" s="62"/>
      <c r="OSE23" s="56"/>
      <c r="OSF23" s="61"/>
      <c r="OSG23" s="61"/>
      <c r="OSH23" s="61"/>
      <c r="OSI23" s="61"/>
      <c r="OSJ23" s="62"/>
      <c r="OSK23" s="56"/>
      <c r="OSL23" s="61"/>
      <c r="OSM23" s="61"/>
      <c r="OSN23" s="61"/>
      <c r="OSO23" s="61"/>
      <c r="OSP23" s="62"/>
      <c r="OSQ23" s="56"/>
      <c r="OSR23" s="61"/>
      <c r="OSS23" s="61"/>
      <c r="OST23" s="61"/>
      <c r="OSU23" s="61"/>
      <c r="OSV23" s="62"/>
      <c r="OSW23" s="56"/>
      <c r="OSX23" s="61"/>
      <c r="OSY23" s="61"/>
      <c r="OSZ23" s="61"/>
      <c r="OTA23" s="61"/>
      <c r="OTB23" s="62"/>
      <c r="OTC23" s="56"/>
      <c r="OTD23" s="61"/>
      <c r="OTE23" s="61"/>
      <c r="OTF23" s="61"/>
      <c r="OTG23" s="61"/>
      <c r="OTH23" s="62"/>
      <c r="OTI23" s="56"/>
      <c r="OTJ23" s="61"/>
      <c r="OTK23" s="61"/>
      <c r="OTL23" s="61"/>
      <c r="OTM23" s="61"/>
      <c r="OTN23" s="62"/>
      <c r="OTO23" s="56"/>
      <c r="OTP23" s="61"/>
      <c r="OTQ23" s="61"/>
      <c r="OTR23" s="61"/>
      <c r="OTS23" s="61"/>
      <c r="OTT23" s="62"/>
      <c r="OTU23" s="56"/>
      <c r="OTV23" s="61"/>
      <c r="OTW23" s="61"/>
      <c r="OTX23" s="61"/>
      <c r="OTY23" s="61"/>
      <c r="OTZ23" s="62"/>
      <c r="OUA23" s="56"/>
      <c r="OUB23" s="61"/>
      <c r="OUC23" s="61"/>
      <c r="OUD23" s="61"/>
      <c r="OUE23" s="61"/>
      <c r="OUF23" s="62"/>
      <c r="OUG23" s="56"/>
      <c r="OUH23" s="61"/>
      <c r="OUI23" s="61"/>
      <c r="OUJ23" s="61"/>
      <c r="OUK23" s="61"/>
      <c r="OUL23" s="62"/>
      <c r="OUM23" s="56"/>
      <c r="OUN23" s="61"/>
      <c r="OUO23" s="61"/>
      <c r="OUP23" s="61"/>
      <c r="OUQ23" s="61"/>
      <c r="OUR23" s="62"/>
      <c r="OUS23" s="56"/>
      <c r="OUT23" s="61"/>
      <c r="OUU23" s="61"/>
      <c r="OUV23" s="61"/>
      <c r="OUW23" s="61"/>
      <c r="OUX23" s="62"/>
      <c r="OUY23" s="56"/>
      <c r="OUZ23" s="61"/>
      <c r="OVA23" s="61"/>
      <c r="OVB23" s="61"/>
      <c r="OVC23" s="61"/>
      <c r="OVD23" s="62"/>
      <c r="OVE23" s="56"/>
      <c r="OVF23" s="61"/>
      <c r="OVG23" s="61"/>
      <c r="OVH23" s="61"/>
      <c r="OVI23" s="61"/>
      <c r="OVJ23" s="62"/>
      <c r="OVK23" s="56"/>
      <c r="OVL23" s="61"/>
      <c r="OVM23" s="61"/>
      <c r="OVN23" s="61"/>
      <c r="OVO23" s="61"/>
      <c r="OVP23" s="62"/>
      <c r="OVQ23" s="56"/>
      <c r="OVR23" s="61"/>
      <c r="OVS23" s="61"/>
      <c r="OVT23" s="61"/>
      <c r="OVU23" s="61"/>
      <c r="OVV23" s="62"/>
      <c r="OVW23" s="56"/>
      <c r="OVX23" s="61"/>
      <c r="OVY23" s="61"/>
      <c r="OVZ23" s="61"/>
      <c r="OWA23" s="61"/>
      <c r="OWB23" s="62"/>
      <c r="OWC23" s="56"/>
      <c r="OWD23" s="61"/>
      <c r="OWE23" s="61"/>
      <c r="OWF23" s="61"/>
      <c r="OWG23" s="61"/>
      <c r="OWH23" s="62"/>
      <c r="OWI23" s="56"/>
      <c r="OWJ23" s="61"/>
      <c r="OWK23" s="61"/>
      <c r="OWL23" s="61"/>
      <c r="OWM23" s="61"/>
      <c r="OWN23" s="62"/>
      <c r="OWO23" s="56"/>
      <c r="OWP23" s="61"/>
      <c r="OWQ23" s="61"/>
      <c r="OWR23" s="61"/>
      <c r="OWS23" s="61"/>
      <c r="OWT23" s="62"/>
      <c r="OWU23" s="56"/>
      <c r="OWV23" s="61"/>
      <c r="OWW23" s="61"/>
      <c r="OWX23" s="61"/>
      <c r="OWY23" s="61"/>
      <c r="OWZ23" s="62"/>
      <c r="OXA23" s="56"/>
      <c r="OXB23" s="61"/>
      <c r="OXC23" s="61"/>
      <c r="OXD23" s="61"/>
      <c r="OXE23" s="61"/>
      <c r="OXF23" s="62"/>
      <c r="OXG23" s="56"/>
      <c r="OXH23" s="61"/>
      <c r="OXI23" s="61"/>
      <c r="OXJ23" s="61"/>
      <c r="OXK23" s="61"/>
      <c r="OXL23" s="62"/>
      <c r="OXM23" s="56"/>
      <c r="OXN23" s="61"/>
      <c r="OXO23" s="61"/>
      <c r="OXP23" s="61"/>
      <c r="OXQ23" s="61"/>
      <c r="OXR23" s="62"/>
      <c r="OXS23" s="56"/>
      <c r="OXT23" s="61"/>
      <c r="OXU23" s="61"/>
      <c r="OXV23" s="61"/>
      <c r="OXW23" s="61"/>
      <c r="OXX23" s="62"/>
      <c r="OXY23" s="56"/>
      <c r="OXZ23" s="61"/>
      <c r="OYA23" s="61"/>
      <c r="OYB23" s="61"/>
      <c r="OYC23" s="61"/>
      <c r="OYD23" s="62"/>
      <c r="OYE23" s="56"/>
      <c r="OYF23" s="61"/>
      <c r="OYG23" s="61"/>
      <c r="OYH23" s="61"/>
      <c r="OYI23" s="61"/>
      <c r="OYJ23" s="62"/>
      <c r="OYK23" s="56"/>
      <c r="OYL23" s="61"/>
      <c r="OYM23" s="61"/>
      <c r="OYN23" s="61"/>
      <c r="OYO23" s="61"/>
      <c r="OYP23" s="62"/>
      <c r="OYQ23" s="56"/>
      <c r="OYR23" s="61"/>
      <c r="OYS23" s="61"/>
      <c r="OYT23" s="61"/>
      <c r="OYU23" s="61"/>
      <c r="OYV23" s="62"/>
      <c r="OYW23" s="56"/>
      <c r="OYX23" s="61"/>
      <c r="OYY23" s="61"/>
      <c r="OYZ23" s="61"/>
      <c r="OZA23" s="61"/>
      <c r="OZB23" s="62"/>
      <c r="OZC23" s="56"/>
      <c r="OZD23" s="61"/>
      <c r="OZE23" s="61"/>
      <c r="OZF23" s="61"/>
      <c r="OZG23" s="61"/>
      <c r="OZH23" s="62"/>
      <c r="OZI23" s="56"/>
      <c r="OZJ23" s="61"/>
      <c r="OZK23" s="61"/>
      <c r="OZL23" s="61"/>
      <c r="OZM23" s="61"/>
      <c r="OZN23" s="62"/>
      <c r="OZO23" s="56"/>
      <c r="OZP23" s="61"/>
      <c r="OZQ23" s="61"/>
      <c r="OZR23" s="61"/>
      <c r="OZS23" s="61"/>
      <c r="OZT23" s="62"/>
      <c r="OZU23" s="56"/>
      <c r="OZV23" s="61"/>
      <c r="OZW23" s="61"/>
      <c r="OZX23" s="61"/>
      <c r="OZY23" s="61"/>
      <c r="OZZ23" s="62"/>
      <c r="PAA23" s="56"/>
      <c r="PAB23" s="61"/>
      <c r="PAC23" s="61"/>
      <c r="PAD23" s="61"/>
      <c r="PAE23" s="61"/>
      <c r="PAF23" s="62"/>
      <c r="PAG23" s="56"/>
      <c r="PAH23" s="61"/>
      <c r="PAI23" s="61"/>
      <c r="PAJ23" s="61"/>
      <c r="PAK23" s="61"/>
      <c r="PAL23" s="62"/>
      <c r="PAM23" s="56"/>
      <c r="PAN23" s="61"/>
      <c r="PAO23" s="61"/>
      <c r="PAP23" s="61"/>
      <c r="PAQ23" s="61"/>
      <c r="PAR23" s="62"/>
      <c r="PAS23" s="56"/>
      <c r="PAT23" s="61"/>
      <c r="PAU23" s="61"/>
      <c r="PAV23" s="61"/>
      <c r="PAW23" s="61"/>
      <c r="PAX23" s="62"/>
      <c r="PAY23" s="56"/>
      <c r="PAZ23" s="61"/>
      <c r="PBA23" s="61"/>
      <c r="PBB23" s="61"/>
      <c r="PBC23" s="61"/>
      <c r="PBD23" s="62"/>
      <c r="PBE23" s="56"/>
      <c r="PBF23" s="61"/>
      <c r="PBG23" s="61"/>
      <c r="PBH23" s="61"/>
      <c r="PBI23" s="61"/>
      <c r="PBJ23" s="62"/>
      <c r="PBK23" s="56"/>
      <c r="PBL23" s="61"/>
      <c r="PBM23" s="61"/>
      <c r="PBN23" s="61"/>
      <c r="PBO23" s="61"/>
      <c r="PBP23" s="62"/>
      <c r="PBQ23" s="56"/>
      <c r="PBR23" s="61"/>
      <c r="PBS23" s="61"/>
      <c r="PBT23" s="61"/>
      <c r="PBU23" s="61"/>
      <c r="PBV23" s="62"/>
      <c r="PBW23" s="56"/>
      <c r="PBX23" s="61"/>
      <c r="PBY23" s="61"/>
      <c r="PBZ23" s="61"/>
      <c r="PCA23" s="61"/>
      <c r="PCB23" s="62"/>
      <c r="PCC23" s="56"/>
      <c r="PCD23" s="61"/>
      <c r="PCE23" s="61"/>
      <c r="PCF23" s="61"/>
      <c r="PCG23" s="61"/>
      <c r="PCH23" s="62"/>
      <c r="PCI23" s="56"/>
      <c r="PCJ23" s="61"/>
      <c r="PCK23" s="61"/>
      <c r="PCL23" s="61"/>
      <c r="PCM23" s="61"/>
      <c r="PCN23" s="62"/>
      <c r="PCO23" s="56"/>
      <c r="PCP23" s="61"/>
      <c r="PCQ23" s="61"/>
      <c r="PCR23" s="61"/>
      <c r="PCS23" s="61"/>
      <c r="PCT23" s="62"/>
      <c r="PCU23" s="56"/>
      <c r="PCV23" s="61"/>
      <c r="PCW23" s="61"/>
      <c r="PCX23" s="61"/>
      <c r="PCY23" s="61"/>
      <c r="PCZ23" s="62"/>
      <c r="PDA23" s="56"/>
      <c r="PDB23" s="61"/>
      <c r="PDC23" s="61"/>
      <c r="PDD23" s="61"/>
      <c r="PDE23" s="61"/>
      <c r="PDF23" s="62"/>
      <c r="PDG23" s="56"/>
      <c r="PDH23" s="61"/>
      <c r="PDI23" s="61"/>
      <c r="PDJ23" s="61"/>
      <c r="PDK23" s="61"/>
      <c r="PDL23" s="62"/>
      <c r="PDM23" s="56"/>
      <c r="PDN23" s="61"/>
      <c r="PDO23" s="61"/>
      <c r="PDP23" s="61"/>
      <c r="PDQ23" s="61"/>
      <c r="PDR23" s="62"/>
      <c r="PDS23" s="56"/>
      <c r="PDT23" s="61"/>
      <c r="PDU23" s="61"/>
      <c r="PDV23" s="61"/>
      <c r="PDW23" s="61"/>
      <c r="PDX23" s="62"/>
      <c r="PDY23" s="56"/>
      <c r="PDZ23" s="61"/>
      <c r="PEA23" s="61"/>
      <c r="PEB23" s="61"/>
      <c r="PEC23" s="61"/>
      <c r="PED23" s="62"/>
      <c r="PEE23" s="56"/>
      <c r="PEF23" s="61"/>
      <c r="PEG23" s="61"/>
      <c r="PEH23" s="61"/>
      <c r="PEI23" s="61"/>
      <c r="PEJ23" s="62"/>
      <c r="PEK23" s="56"/>
      <c r="PEL23" s="61"/>
      <c r="PEM23" s="61"/>
      <c r="PEN23" s="61"/>
      <c r="PEO23" s="61"/>
      <c r="PEP23" s="62"/>
      <c r="PEQ23" s="56"/>
      <c r="PER23" s="61"/>
      <c r="PES23" s="61"/>
      <c r="PET23" s="61"/>
      <c r="PEU23" s="61"/>
      <c r="PEV23" s="62"/>
      <c r="PEW23" s="56"/>
      <c r="PEX23" s="61"/>
      <c r="PEY23" s="61"/>
      <c r="PEZ23" s="61"/>
      <c r="PFA23" s="61"/>
      <c r="PFB23" s="62"/>
      <c r="PFC23" s="56"/>
      <c r="PFD23" s="61"/>
      <c r="PFE23" s="61"/>
      <c r="PFF23" s="61"/>
      <c r="PFG23" s="61"/>
      <c r="PFH23" s="62"/>
      <c r="PFI23" s="56"/>
      <c r="PFJ23" s="61"/>
      <c r="PFK23" s="61"/>
      <c r="PFL23" s="61"/>
      <c r="PFM23" s="61"/>
      <c r="PFN23" s="62"/>
      <c r="PFO23" s="56"/>
      <c r="PFP23" s="61"/>
      <c r="PFQ23" s="61"/>
      <c r="PFR23" s="61"/>
      <c r="PFS23" s="61"/>
      <c r="PFT23" s="62"/>
      <c r="PFU23" s="56"/>
      <c r="PFV23" s="61"/>
      <c r="PFW23" s="61"/>
      <c r="PFX23" s="61"/>
      <c r="PFY23" s="61"/>
      <c r="PFZ23" s="62"/>
      <c r="PGA23" s="56"/>
      <c r="PGB23" s="61"/>
      <c r="PGC23" s="61"/>
      <c r="PGD23" s="61"/>
      <c r="PGE23" s="61"/>
      <c r="PGF23" s="62"/>
      <c r="PGG23" s="56"/>
      <c r="PGH23" s="61"/>
      <c r="PGI23" s="61"/>
      <c r="PGJ23" s="61"/>
      <c r="PGK23" s="61"/>
      <c r="PGL23" s="62"/>
      <c r="PGM23" s="56"/>
      <c r="PGN23" s="61"/>
      <c r="PGO23" s="61"/>
      <c r="PGP23" s="61"/>
      <c r="PGQ23" s="61"/>
      <c r="PGR23" s="62"/>
      <c r="PGS23" s="56"/>
      <c r="PGT23" s="61"/>
      <c r="PGU23" s="61"/>
      <c r="PGV23" s="61"/>
      <c r="PGW23" s="61"/>
      <c r="PGX23" s="62"/>
      <c r="PGY23" s="56"/>
      <c r="PGZ23" s="61"/>
      <c r="PHA23" s="61"/>
      <c r="PHB23" s="61"/>
      <c r="PHC23" s="61"/>
      <c r="PHD23" s="62"/>
      <c r="PHE23" s="56"/>
      <c r="PHF23" s="61"/>
      <c r="PHG23" s="61"/>
      <c r="PHH23" s="61"/>
      <c r="PHI23" s="61"/>
      <c r="PHJ23" s="62"/>
      <c r="PHK23" s="56"/>
      <c r="PHL23" s="61"/>
      <c r="PHM23" s="61"/>
      <c r="PHN23" s="61"/>
      <c r="PHO23" s="61"/>
      <c r="PHP23" s="62"/>
      <c r="PHQ23" s="56"/>
      <c r="PHR23" s="61"/>
      <c r="PHS23" s="61"/>
      <c r="PHT23" s="61"/>
      <c r="PHU23" s="61"/>
      <c r="PHV23" s="62"/>
      <c r="PHW23" s="56"/>
      <c r="PHX23" s="61"/>
      <c r="PHY23" s="61"/>
      <c r="PHZ23" s="61"/>
      <c r="PIA23" s="61"/>
      <c r="PIB23" s="62"/>
      <c r="PIC23" s="56"/>
      <c r="PID23" s="61"/>
      <c r="PIE23" s="61"/>
      <c r="PIF23" s="61"/>
      <c r="PIG23" s="61"/>
      <c r="PIH23" s="62"/>
      <c r="PII23" s="56"/>
      <c r="PIJ23" s="61"/>
      <c r="PIK23" s="61"/>
      <c r="PIL23" s="61"/>
      <c r="PIM23" s="61"/>
      <c r="PIN23" s="62"/>
      <c r="PIO23" s="56"/>
      <c r="PIP23" s="61"/>
      <c r="PIQ23" s="61"/>
      <c r="PIR23" s="61"/>
      <c r="PIS23" s="61"/>
      <c r="PIT23" s="62"/>
      <c r="PIU23" s="56"/>
      <c r="PIV23" s="61"/>
      <c r="PIW23" s="61"/>
      <c r="PIX23" s="61"/>
      <c r="PIY23" s="61"/>
      <c r="PIZ23" s="62"/>
      <c r="PJA23" s="56"/>
      <c r="PJB23" s="61"/>
      <c r="PJC23" s="61"/>
      <c r="PJD23" s="61"/>
      <c r="PJE23" s="61"/>
      <c r="PJF23" s="62"/>
      <c r="PJG23" s="56"/>
      <c r="PJH23" s="61"/>
      <c r="PJI23" s="61"/>
      <c r="PJJ23" s="61"/>
      <c r="PJK23" s="61"/>
      <c r="PJL23" s="62"/>
      <c r="PJM23" s="56"/>
      <c r="PJN23" s="61"/>
      <c r="PJO23" s="61"/>
      <c r="PJP23" s="61"/>
      <c r="PJQ23" s="61"/>
      <c r="PJR23" s="62"/>
      <c r="PJS23" s="56"/>
      <c r="PJT23" s="61"/>
      <c r="PJU23" s="61"/>
      <c r="PJV23" s="61"/>
      <c r="PJW23" s="61"/>
      <c r="PJX23" s="62"/>
      <c r="PJY23" s="56"/>
      <c r="PJZ23" s="61"/>
      <c r="PKA23" s="61"/>
      <c r="PKB23" s="61"/>
      <c r="PKC23" s="61"/>
      <c r="PKD23" s="62"/>
      <c r="PKE23" s="56"/>
      <c r="PKF23" s="61"/>
      <c r="PKG23" s="61"/>
      <c r="PKH23" s="61"/>
      <c r="PKI23" s="61"/>
      <c r="PKJ23" s="62"/>
      <c r="PKK23" s="56"/>
      <c r="PKL23" s="61"/>
      <c r="PKM23" s="61"/>
      <c r="PKN23" s="61"/>
      <c r="PKO23" s="61"/>
      <c r="PKP23" s="62"/>
      <c r="PKQ23" s="56"/>
      <c r="PKR23" s="61"/>
      <c r="PKS23" s="61"/>
      <c r="PKT23" s="61"/>
      <c r="PKU23" s="61"/>
      <c r="PKV23" s="62"/>
      <c r="PKW23" s="56"/>
      <c r="PKX23" s="61"/>
      <c r="PKY23" s="61"/>
      <c r="PKZ23" s="61"/>
      <c r="PLA23" s="61"/>
      <c r="PLB23" s="62"/>
      <c r="PLC23" s="56"/>
      <c r="PLD23" s="61"/>
      <c r="PLE23" s="61"/>
      <c r="PLF23" s="61"/>
      <c r="PLG23" s="61"/>
      <c r="PLH23" s="62"/>
      <c r="PLI23" s="56"/>
      <c r="PLJ23" s="61"/>
      <c r="PLK23" s="61"/>
      <c r="PLL23" s="61"/>
      <c r="PLM23" s="61"/>
      <c r="PLN23" s="62"/>
      <c r="PLO23" s="56"/>
      <c r="PLP23" s="61"/>
      <c r="PLQ23" s="61"/>
      <c r="PLR23" s="61"/>
      <c r="PLS23" s="61"/>
      <c r="PLT23" s="62"/>
      <c r="PLU23" s="56"/>
      <c r="PLV23" s="61"/>
      <c r="PLW23" s="61"/>
      <c r="PLX23" s="61"/>
      <c r="PLY23" s="61"/>
      <c r="PLZ23" s="62"/>
      <c r="PMA23" s="56"/>
      <c r="PMB23" s="61"/>
      <c r="PMC23" s="61"/>
      <c r="PMD23" s="61"/>
      <c r="PME23" s="61"/>
      <c r="PMF23" s="62"/>
      <c r="PMG23" s="56"/>
      <c r="PMH23" s="61"/>
      <c r="PMI23" s="61"/>
      <c r="PMJ23" s="61"/>
      <c r="PMK23" s="61"/>
      <c r="PML23" s="62"/>
      <c r="PMM23" s="56"/>
      <c r="PMN23" s="61"/>
      <c r="PMO23" s="61"/>
      <c r="PMP23" s="61"/>
      <c r="PMQ23" s="61"/>
      <c r="PMR23" s="62"/>
      <c r="PMS23" s="56"/>
      <c r="PMT23" s="61"/>
      <c r="PMU23" s="61"/>
      <c r="PMV23" s="61"/>
      <c r="PMW23" s="61"/>
      <c r="PMX23" s="62"/>
      <c r="PMY23" s="56"/>
      <c r="PMZ23" s="61"/>
      <c r="PNA23" s="61"/>
      <c r="PNB23" s="61"/>
      <c r="PNC23" s="61"/>
      <c r="PND23" s="62"/>
      <c r="PNE23" s="56"/>
      <c r="PNF23" s="61"/>
      <c r="PNG23" s="61"/>
      <c r="PNH23" s="61"/>
      <c r="PNI23" s="61"/>
      <c r="PNJ23" s="62"/>
      <c r="PNK23" s="56"/>
      <c r="PNL23" s="61"/>
      <c r="PNM23" s="61"/>
      <c r="PNN23" s="61"/>
      <c r="PNO23" s="61"/>
      <c r="PNP23" s="62"/>
      <c r="PNQ23" s="56"/>
      <c r="PNR23" s="61"/>
      <c r="PNS23" s="61"/>
      <c r="PNT23" s="61"/>
      <c r="PNU23" s="61"/>
      <c r="PNV23" s="62"/>
      <c r="PNW23" s="56"/>
      <c r="PNX23" s="61"/>
      <c r="PNY23" s="61"/>
      <c r="PNZ23" s="61"/>
      <c r="POA23" s="61"/>
      <c r="POB23" s="62"/>
      <c r="POC23" s="56"/>
      <c r="POD23" s="61"/>
      <c r="POE23" s="61"/>
      <c r="POF23" s="61"/>
      <c r="POG23" s="61"/>
      <c r="POH23" s="62"/>
      <c r="POI23" s="56"/>
      <c r="POJ23" s="61"/>
      <c r="POK23" s="61"/>
      <c r="POL23" s="61"/>
      <c r="POM23" s="61"/>
      <c r="PON23" s="62"/>
      <c r="POO23" s="56"/>
      <c r="POP23" s="61"/>
      <c r="POQ23" s="61"/>
      <c r="POR23" s="61"/>
      <c r="POS23" s="61"/>
      <c r="POT23" s="62"/>
      <c r="POU23" s="56"/>
      <c r="POV23" s="61"/>
      <c r="POW23" s="61"/>
      <c r="POX23" s="61"/>
      <c r="POY23" s="61"/>
      <c r="POZ23" s="62"/>
      <c r="PPA23" s="56"/>
      <c r="PPB23" s="61"/>
      <c r="PPC23" s="61"/>
      <c r="PPD23" s="61"/>
      <c r="PPE23" s="61"/>
      <c r="PPF23" s="62"/>
      <c r="PPG23" s="56"/>
      <c r="PPH23" s="61"/>
      <c r="PPI23" s="61"/>
      <c r="PPJ23" s="61"/>
      <c r="PPK23" s="61"/>
      <c r="PPL23" s="62"/>
      <c r="PPM23" s="56"/>
      <c r="PPN23" s="61"/>
      <c r="PPO23" s="61"/>
      <c r="PPP23" s="61"/>
      <c r="PPQ23" s="61"/>
      <c r="PPR23" s="62"/>
      <c r="PPS23" s="56"/>
      <c r="PPT23" s="61"/>
      <c r="PPU23" s="61"/>
      <c r="PPV23" s="61"/>
      <c r="PPW23" s="61"/>
      <c r="PPX23" s="62"/>
      <c r="PPY23" s="56"/>
      <c r="PPZ23" s="61"/>
      <c r="PQA23" s="61"/>
      <c r="PQB23" s="61"/>
      <c r="PQC23" s="61"/>
      <c r="PQD23" s="62"/>
      <c r="PQE23" s="56"/>
      <c r="PQF23" s="61"/>
      <c r="PQG23" s="61"/>
      <c r="PQH23" s="61"/>
      <c r="PQI23" s="61"/>
      <c r="PQJ23" s="62"/>
      <c r="PQK23" s="56"/>
      <c r="PQL23" s="61"/>
      <c r="PQM23" s="61"/>
      <c r="PQN23" s="61"/>
      <c r="PQO23" s="61"/>
      <c r="PQP23" s="62"/>
      <c r="PQQ23" s="56"/>
      <c r="PQR23" s="61"/>
      <c r="PQS23" s="61"/>
      <c r="PQT23" s="61"/>
      <c r="PQU23" s="61"/>
      <c r="PQV23" s="62"/>
      <c r="PQW23" s="56"/>
      <c r="PQX23" s="61"/>
      <c r="PQY23" s="61"/>
      <c r="PQZ23" s="61"/>
      <c r="PRA23" s="61"/>
      <c r="PRB23" s="62"/>
      <c r="PRC23" s="56"/>
      <c r="PRD23" s="61"/>
      <c r="PRE23" s="61"/>
      <c r="PRF23" s="61"/>
      <c r="PRG23" s="61"/>
      <c r="PRH23" s="62"/>
      <c r="PRI23" s="56"/>
      <c r="PRJ23" s="61"/>
      <c r="PRK23" s="61"/>
      <c r="PRL23" s="61"/>
      <c r="PRM23" s="61"/>
      <c r="PRN23" s="62"/>
      <c r="PRO23" s="56"/>
      <c r="PRP23" s="61"/>
      <c r="PRQ23" s="61"/>
      <c r="PRR23" s="61"/>
      <c r="PRS23" s="61"/>
      <c r="PRT23" s="62"/>
      <c r="PRU23" s="56"/>
      <c r="PRV23" s="61"/>
      <c r="PRW23" s="61"/>
      <c r="PRX23" s="61"/>
      <c r="PRY23" s="61"/>
      <c r="PRZ23" s="62"/>
      <c r="PSA23" s="56"/>
      <c r="PSB23" s="61"/>
      <c r="PSC23" s="61"/>
      <c r="PSD23" s="61"/>
      <c r="PSE23" s="61"/>
      <c r="PSF23" s="62"/>
      <c r="PSG23" s="56"/>
      <c r="PSH23" s="61"/>
      <c r="PSI23" s="61"/>
      <c r="PSJ23" s="61"/>
      <c r="PSK23" s="61"/>
      <c r="PSL23" s="62"/>
      <c r="PSM23" s="56"/>
      <c r="PSN23" s="61"/>
      <c r="PSO23" s="61"/>
      <c r="PSP23" s="61"/>
      <c r="PSQ23" s="61"/>
      <c r="PSR23" s="62"/>
      <c r="PSS23" s="56"/>
      <c r="PST23" s="61"/>
      <c r="PSU23" s="61"/>
      <c r="PSV23" s="61"/>
      <c r="PSW23" s="61"/>
      <c r="PSX23" s="62"/>
      <c r="PSY23" s="56"/>
      <c r="PSZ23" s="61"/>
      <c r="PTA23" s="61"/>
      <c r="PTB23" s="61"/>
      <c r="PTC23" s="61"/>
      <c r="PTD23" s="62"/>
      <c r="PTE23" s="56"/>
      <c r="PTF23" s="61"/>
      <c r="PTG23" s="61"/>
      <c r="PTH23" s="61"/>
      <c r="PTI23" s="61"/>
      <c r="PTJ23" s="62"/>
      <c r="PTK23" s="56"/>
      <c r="PTL23" s="61"/>
      <c r="PTM23" s="61"/>
      <c r="PTN23" s="61"/>
      <c r="PTO23" s="61"/>
      <c r="PTP23" s="62"/>
      <c r="PTQ23" s="56"/>
      <c r="PTR23" s="61"/>
      <c r="PTS23" s="61"/>
      <c r="PTT23" s="61"/>
      <c r="PTU23" s="61"/>
      <c r="PTV23" s="62"/>
      <c r="PTW23" s="56"/>
      <c r="PTX23" s="61"/>
      <c r="PTY23" s="61"/>
      <c r="PTZ23" s="61"/>
      <c r="PUA23" s="61"/>
      <c r="PUB23" s="62"/>
      <c r="PUC23" s="56"/>
      <c r="PUD23" s="61"/>
      <c r="PUE23" s="61"/>
      <c r="PUF23" s="61"/>
      <c r="PUG23" s="61"/>
      <c r="PUH23" s="62"/>
      <c r="PUI23" s="56"/>
      <c r="PUJ23" s="61"/>
      <c r="PUK23" s="61"/>
      <c r="PUL23" s="61"/>
      <c r="PUM23" s="61"/>
      <c r="PUN23" s="62"/>
      <c r="PUO23" s="56"/>
      <c r="PUP23" s="61"/>
      <c r="PUQ23" s="61"/>
      <c r="PUR23" s="61"/>
      <c r="PUS23" s="61"/>
      <c r="PUT23" s="62"/>
      <c r="PUU23" s="56"/>
      <c r="PUV23" s="61"/>
      <c r="PUW23" s="61"/>
      <c r="PUX23" s="61"/>
      <c r="PUY23" s="61"/>
      <c r="PUZ23" s="62"/>
      <c r="PVA23" s="56"/>
      <c r="PVB23" s="61"/>
      <c r="PVC23" s="61"/>
      <c r="PVD23" s="61"/>
      <c r="PVE23" s="61"/>
      <c r="PVF23" s="62"/>
      <c r="PVG23" s="56"/>
      <c r="PVH23" s="61"/>
      <c r="PVI23" s="61"/>
      <c r="PVJ23" s="61"/>
      <c r="PVK23" s="61"/>
      <c r="PVL23" s="62"/>
      <c r="PVM23" s="56"/>
      <c r="PVN23" s="61"/>
      <c r="PVO23" s="61"/>
      <c r="PVP23" s="61"/>
      <c r="PVQ23" s="61"/>
      <c r="PVR23" s="62"/>
      <c r="PVS23" s="56"/>
      <c r="PVT23" s="61"/>
      <c r="PVU23" s="61"/>
      <c r="PVV23" s="61"/>
      <c r="PVW23" s="61"/>
      <c r="PVX23" s="62"/>
      <c r="PVY23" s="56"/>
      <c r="PVZ23" s="61"/>
      <c r="PWA23" s="61"/>
      <c r="PWB23" s="61"/>
      <c r="PWC23" s="61"/>
      <c r="PWD23" s="62"/>
      <c r="PWE23" s="56"/>
      <c r="PWF23" s="61"/>
      <c r="PWG23" s="61"/>
      <c r="PWH23" s="61"/>
      <c r="PWI23" s="61"/>
      <c r="PWJ23" s="62"/>
      <c r="PWK23" s="56"/>
      <c r="PWL23" s="61"/>
      <c r="PWM23" s="61"/>
      <c r="PWN23" s="61"/>
      <c r="PWO23" s="61"/>
      <c r="PWP23" s="62"/>
      <c r="PWQ23" s="56"/>
      <c r="PWR23" s="61"/>
      <c r="PWS23" s="61"/>
      <c r="PWT23" s="61"/>
      <c r="PWU23" s="61"/>
      <c r="PWV23" s="62"/>
      <c r="PWW23" s="56"/>
      <c r="PWX23" s="61"/>
      <c r="PWY23" s="61"/>
      <c r="PWZ23" s="61"/>
      <c r="PXA23" s="61"/>
      <c r="PXB23" s="62"/>
      <c r="PXC23" s="56"/>
      <c r="PXD23" s="61"/>
      <c r="PXE23" s="61"/>
      <c r="PXF23" s="61"/>
      <c r="PXG23" s="61"/>
      <c r="PXH23" s="62"/>
      <c r="PXI23" s="56"/>
      <c r="PXJ23" s="61"/>
      <c r="PXK23" s="61"/>
      <c r="PXL23" s="61"/>
      <c r="PXM23" s="61"/>
      <c r="PXN23" s="62"/>
      <c r="PXO23" s="56"/>
      <c r="PXP23" s="61"/>
      <c r="PXQ23" s="61"/>
      <c r="PXR23" s="61"/>
      <c r="PXS23" s="61"/>
      <c r="PXT23" s="62"/>
      <c r="PXU23" s="56"/>
      <c r="PXV23" s="61"/>
      <c r="PXW23" s="61"/>
      <c r="PXX23" s="61"/>
      <c r="PXY23" s="61"/>
      <c r="PXZ23" s="62"/>
      <c r="PYA23" s="56"/>
      <c r="PYB23" s="61"/>
      <c r="PYC23" s="61"/>
      <c r="PYD23" s="61"/>
      <c r="PYE23" s="61"/>
      <c r="PYF23" s="62"/>
      <c r="PYG23" s="56"/>
      <c r="PYH23" s="61"/>
      <c r="PYI23" s="61"/>
      <c r="PYJ23" s="61"/>
      <c r="PYK23" s="61"/>
      <c r="PYL23" s="62"/>
      <c r="PYM23" s="56"/>
      <c r="PYN23" s="61"/>
      <c r="PYO23" s="61"/>
      <c r="PYP23" s="61"/>
      <c r="PYQ23" s="61"/>
      <c r="PYR23" s="62"/>
      <c r="PYS23" s="56"/>
      <c r="PYT23" s="61"/>
      <c r="PYU23" s="61"/>
      <c r="PYV23" s="61"/>
      <c r="PYW23" s="61"/>
      <c r="PYX23" s="62"/>
      <c r="PYY23" s="56"/>
      <c r="PYZ23" s="61"/>
      <c r="PZA23" s="61"/>
      <c r="PZB23" s="61"/>
      <c r="PZC23" s="61"/>
      <c r="PZD23" s="62"/>
      <c r="PZE23" s="56"/>
      <c r="PZF23" s="61"/>
      <c r="PZG23" s="61"/>
      <c r="PZH23" s="61"/>
      <c r="PZI23" s="61"/>
      <c r="PZJ23" s="62"/>
      <c r="PZK23" s="56"/>
      <c r="PZL23" s="61"/>
      <c r="PZM23" s="61"/>
      <c r="PZN23" s="61"/>
      <c r="PZO23" s="61"/>
      <c r="PZP23" s="62"/>
      <c r="PZQ23" s="56"/>
      <c r="PZR23" s="61"/>
      <c r="PZS23" s="61"/>
      <c r="PZT23" s="61"/>
      <c r="PZU23" s="61"/>
      <c r="PZV23" s="62"/>
      <c r="PZW23" s="56"/>
      <c r="PZX23" s="61"/>
      <c r="PZY23" s="61"/>
      <c r="PZZ23" s="61"/>
      <c r="QAA23" s="61"/>
      <c r="QAB23" s="62"/>
      <c r="QAC23" s="56"/>
      <c r="QAD23" s="61"/>
      <c r="QAE23" s="61"/>
      <c r="QAF23" s="61"/>
      <c r="QAG23" s="61"/>
      <c r="QAH23" s="62"/>
      <c r="QAI23" s="56"/>
      <c r="QAJ23" s="61"/>
      <c r="QAK23" s="61"/>
      <c r="QAL23" s="61"/>
      <c r="QAM23" s="61"/>
      <c r="QAN23" s="62"/>
      <c r="QAO23" s="56"/>
      <c r="QAP23" s="61"/>
      <c r="QAQ23" s="61"/>
      <c r="QAR23" s="61"/>
      <c r="QAS23" s="61"/>
      <c r="QAT23" s="62"/>
      <c r="QAU23" s="56"/>
      <c r="QAV23" s="61"/>
      <c r="QAW23" s="61"/>
      <c r="QAX23" s="61"/>
      <c r="QAY23" s="61"/>
      <c r="QAZ23" s="62"/>
      <c r="QBA23" s="56"/>
      <c r="QBB23" s="61"/>
      <c r="QBC23" s="61"/>
      <c r="QBD23" s="61"/>
      <c r="QBE23" s="61"/>
      <c r="QBF23" s="62"/>
      <c r="QBG23" s="56"/>
      <c r="QBH23" s="61"/>
      <c r="QBI23" s="61"/>
      <c r="QBJ23" s="61"/>
      <c r="QBK23" s="61"/>
      <c r="QBL23" s="62"/>
      <c r="QBM23" s="56"/>
      <c r="QBN23" s="61"/>
      <c r="QBO23" s="61"/>
      <c r="QBP23" s="61"/>
      <c r="QBQ23" s="61"/>
      <c r="QBR23" s="62"/>
      <c r="QBS23" s="56"/>
      <c r="QBT23" s="61"/>
      <c r="QBU23" s="61"/>
      <c r="QBV23" s="61"/>
      <c r="QBW23" s="61"/>
      <c r="QBX23" s="62"/>
      <c r="QBY23" s="56"/>
      <c r="QBZ23" s="61"/>
      <c r="QCA23" s="61"/>
      <c r="QCB23" s="61"/>
      <c r="QCC23" s="61"/>
      <c r="QCD23" s="62"/>
      <c r="QCE23" s="56"/>
      <c r="QCF23" s="61"/>
      <c r="QCG23" s="61"/>
      <c r="QCH23" s="61"/>
      <c r="QCI23" s="61"/>
      <c r="QCJ23" s="62"/>
      <c r="QCK23" s="56"/>
      <c r="QCL23" s="61"/>
      <c r="QCM23" s="61"/>
      <c r="QCN23" s="61"/>
      <c r="QCO23" s="61"/>
      <c r="QCP23" s="62"/>
      <c r="QCQ23" s="56"/>
      <c r="QCR23" s="61"/>
      <c r="QCS23" s="61"/>
      <c r="QCT23" s="61"/>
      <c r="QCU23" s="61"/>
      <c r="QCV23" s="62"/>
      <c r="QCW23" s="56"/>
      <c r="QCX23" s="61"/>
      <c r="QCY23" s="61"/>
      <c r="QCZ23" s="61"/>
      <c r="QDA23" s="61"/>
      <c r="QDB23" s="62"/>
      <c r="QDC23" s="56"/>
      <c r="QDD23" s="61"/>
      <c r="QDE23" s="61"/>
      <c r="QDF23" s="61"/>
      <c r="QDG23" s="61"/>
      <c r="QDH23" s="62"/>
      <c r="QDI23" s="56"/>
      <c r="QDJ23" s="61"/>
      <c r="QDK23" s="61"/>
      <c r="QDL23" s="61"/>
      <c r="QDM23" s="61"/>
      <c r="QDN23" s="62"/>
      <c r="QDO23" s="56"/>
      <c r="QDP23" s="61"/>
      <c r="QDQ23" s="61"/>
      <c r="QDR23" s="61"/>
      <c r="QDS23" s="61"/>
      <c r="QDT23" s="62"/>
      <c r="QDU23" s="56"/>
      <c r="QDV23" s="61"/>
      <c r="QDW23" s="61"/>
      <c r="QDX23" s="61"/>
      <c r="QDY23" s="61"/>
      <c r="QDZ23" s="62"/>
      <c r="QEA23" s="56"/>
      <c r="QEB23" s="61"/>
      <c r="QEC23" s="61"/>
      <c r="QED23" s="61"/>
      <c r="QEE23" s="61"/>
      <c r="QEF23" s="62"/>
      <c r="QEG23" s="56"/>
      <c r="QEH23" s="61"/>
      <c r="QEI23" s="61"/>
      <c r="QEJ23" s="61"/>
      <c r="QEK23" s="61"/>
      <c r="QEL23" s="62"/>
      <c r="QEM23" s="56"/>
      <c r="QEN23" s="61"/>
      <c r="QEO23" s="61"/>
      <c r="QEP23" s="61"/>
      <c r="QEQ23" s="61"/>
      <c r="QER23" s="62"/>
      <c r="QES23" s="56"/>
      <c r="QET23" s="61"/>
      <c r="QEU23" s="61"/>
      <c r="QEV23" s="61"/>
      <c r="QEW23" s="61"/>
      <c r="QEX23" s="62"/>
      <c r="QEY23" s="56"/>
      <c r="QEZ23" s="61"/>
      <c r="QFA23" s="61"/>
      <c r="QFB23" s="61"/>
      <c r="QFC23" s="61"/>
      <c r="QFD23" s="62"/>
      <c r="QFE23" s="56"/>
      <c r="QFF23" s="61"/>
      <c r="QFG23" s="61"/>
      <c r="QFH23" s="61"/>
      <c r="QFI23" s="61"/>
      <c r="QFJ23" s="62"/>
      <c r="QFK23" s="56"/>
      <c r="QFL23" s="61"/>
      <c r="QFM23" s="61"/>
      <c r="QFN23" s="61"/>
      <c r="QFO23" s="61"/>
      <c r="QFP23" s="62"/>
      <c r="QFQ23" s="56"/>
      <c r="QFR23" s="61"/>
      <c r="QFS23" s="61"/>
      <c r="QFT23" s="61"/>
      <c r="QFU23" s="61"/>
      <c r="QFV23" s="62"/>
      <c r="QFW23" s="56"/>
      <c r="QFX23" s="61"/>
      <c r="QFY23" s="61"/>
      <c r="QFZ23" s="61"/>
      <c r="QGA23" s="61"/>
      <c r="QGB23" s="62"/>
      <c r="QGC23" s="56"/>
      <c r="QGD23" s="61"/>
      <c r="QGE23" s="61"/>
      <c r="QGF23" s="61"/>
      <c r="QGG23" s="61"/>
      <c r="QGH23" s="62"/>
      <c r="QGI23" s="56"/>
      <c r="QGJ23" s="61"/>
      <c r="QGK23" s="61"/>
      <c r="QGL23" s="61"/>
      <c r="QGM23" s="61"/>
      <c r="QGN23" s="62"/>
      <c r="QGO23" s="56"/>
      <c r="QGP23" s="61"/>
      <c r="QGQ23" s="61"/>
      <c r="QGR23" s="61"/>
      <c r="QGS23" s="61"/>
      <c r="QGT23" s="62"/>
      <c r="QGU23" s="56"/>
      <c r="QGV23" s="61"/>
      <c r="QGW23" s="61"/>
      <c r="QGX23" s="61"/>
      <c r="QGY23" s="61"/>
      <c r="QGZ23" s="62"/>
      <c r="QHA23" s="56"/>
      <c r="QHB23" s="61"/>
      <c r="QHC23" s="61"/>
      <c r="QHD23" s="61"/>
      <c r="QHE23" s="61"/>
      <c r="QHF23" s="62"/>
      <c r="QHG23" s="56"/>
      <c r="QHH23" s="61"/>
      <c r="QHI23" s="61"/>
      <c r="QHJ23" s="61"/>
      <c r="QHK23" s="61"/>
      <c r="QHL23" s="62"/>
      <c r="QHM23" s="56"/>
      <c r="QHN23" s="61"/>
      <c r="QHO23" s="61"/>
      <c r="QHP23" s="61"/>
      <c r="QHQ23" s="61"/>
      <c r="QHR23" s="62"/>
      <c r="QHS23" s="56"/>
      <c r="QHT23" s="61"/>
      <c r="QHU23" s="61"/>
      <c r="QHV23" s="61"/>
      <c r="QHW23" s="61"/>
      <c r="QHX23" s="62"/>
      <c r="QHY23" s="56"/>
      <c r="QHZ23" s="61"/>
      <c r="QIA23" s="61"/>
      <c r="QIB23" s="61"/>
      <c r="QIC23" s="61"/>
      <c r="QID23" s="62"/>
      <c r="QIE23" s="56"/>
      <c r="QIF23" s="61"/>
      <c r="QIG23" s="61"/>
      <c r="QIH23" s="61"/>
      <c r="QII23" s="61"/>
      <c r="QIJ23" s="62"/>
      <c r="QIK23" s="56"/>
      <c r="QIL23" s="61"/>
      <c r="QIM23" s="61"/>
      <c r="QIN23" s="61"/>
      <c r="QIO23" s="61"/>
      <c r="QIP23" s="62"/>
      <c r="QIQ23" s="56"/>
      <c r="QIR23" s="61"/>
      <c r="QIS23" s="61"/>
      <c r="QIT23" s="61"/>
      <c r="QIU23" s="61"/>
      <c r="QIV23" s="62"/>
      <c r="QIW23" s="56"/>
      <c r="QIX23" s="61"/>
      <c r="QIY23" s="61"/>
      <c r="QIZ23" s="61"/>
      <c r="QJA23" s="61"/>
      <c r="QJB23" s="62"/>
      <c r="QJC23" s="56"/>
      <c r="QJD23" s="61"/>
      <c r="QJE23" s="61"/>
      <c r="QJF23" s="61"/>
      <c r="QJG23" s="61"/>
      <c r="QJH23" s="62"/>
      <c r="QJI23" s="56"/>
      <c r="QJJ23" s="61"/>
      <c r="QJK23" s="61"/>
      <c r="QJL23" s="61"/>
      <c r="QJM23" s="61"/>
      <c r="QJN23" s="62"/>
      <c r="QJO23" s="56"/>
      <c r="QJP23" s="61"/>
      <c r="QJQ23" s="61"/>
      <c r="QJR23" s="61"/>
      <c r="QJS23" s="61"/>
      <c r="QJT23" s="62"/>
      <c r="QJU23" s="56"/>
      <c r="QJV23" s="61"/>
      <c r="QJW23" s="61"/>
      <c r="QJX23" s="61"/>
      <c r="QJY23" s="61"/>
      <c r="QJZ23" s="62"/>
      <c r="QKA23" s="56"/>
      <c r="QKB23" s="61"/>
      <c r="QKC23" s="61"/>
      <c r="QKD23" s="61"/>
      <c r="QKE23" s="61"/>
      <c r="QKF23" s="62"/>
      <c r="QKG23" s="56"/>
      <c r="QKH23" s="61"/>
      <c r="QKI23" s="61"/>
      <c r="QKJ23" s="61"/>
      <c r="QKK23" s="61"/>
      <c r="QKL23" s="62"/>
      <c r="QKM23" s="56"/>
      <c r="QKN23" s="61"/>
      <c r="QKO23" s="61"/>
      <c r="QKP23" s="61"/>
      <c r="QKQ23" s="61"/>
      <c r="QKR23" s="62"/>
      <c r="QKS23" s="56"/>
      <c r="QKT23" s="61"/>
      <c r="QKU23" s="61"/>
      <c r="QKV23" s="61"/>
      <c r="QKW23" s="61"/>
      <c r="QKX23" s="62"/>
      <c r="QKY23" s="56"/>
      <c r="QKZ23" s="61"/>
      <c r="QLA23" s="61"/>
      <c r="QLB23" s="61"/>
      <c r="QLC23" s="61"/>
      <c r="QLD23" s="62"/>
      <c r="QLE23" s="56"/>
      <c r="QLF23" s="61"/>
      <c r="QLG23" s="61"/>
      <c r="QLH23" s="61"/>
      <c r="QLI23" s="61"/>
      <c r="QLJ23" s="62"/>
      <c r="QLK23" s="56"/>
      <c r="QLL23" s="61"/>
      <c r="QLM23" s="61"/>
      <c r="QLN23" s="61"/>
      <c r="QLO23" s="61"/>
      <c r="QLP23" s="62"/>
      <c r="QLQ23" s="56"/>
      <c r="QLR23" s="61"/>
      <c r="QLS23" s="61"/>
      <c r="QLT23" s="61"/>
      <c r="QLU23" s="61"/>
      <c r="QLV23" s="62"/>
      <c r="QLW23" s="56"/>
      <c r="QLX23" s="61"/>
      <c r="QLY23" s="61"/>
      <c r="QLZ23" s="61"/>
      <c r="QMA23" s="61"/>
      <c r="QMB23" s="62"/>
      <c r="QMC23" s="56"/>
      <c r="QMD23" s="61"/>
      <c r="QME23" s="61"/>
      <c r="QMF23" s="61"/>
      <c r="QMG23" s="61"/>
      <c r="QMH23" s="62"/>
      <c r="QMI23" s="56"/>
      <c r="QMJ23" s="61"/>
      <c r="QMK23" s="61"/>
      <c r="QML23" s="61"/>
      <c r="QMM23" s="61"/>
      <c r="QMN23" s="62"/>
      <c r="QMO23" s="56"/>
      <c r="QMP23" s="61"/>
      <c r="QMQ23" s="61"/>
      <c r="QMR23" s="61"/>
      <c r="QMS23" s="61"/>
      <c r="QMT23" s="62"/>
      <c r="QMU23" s="56"/>
      <c r="QMV23" s="61"/>
      <c r="QMW23" s="61"/>
      <c r="QMX23" s="61"/>
      <c r="QMY23" s="61"/>
      <c r="QMZ23" s="62"/>
      <c r="QNA23" s="56"/>
      <c r="QNB23" s="61"/>
      <c r="QNC23" s="61"/>
      <c r="QND23" s="61"/>
      <c r="QNE23" s="61"/>
      <c r="QNF23" s="62"/>
      <c r="QNG23" s="56"/>
      <c r="QNH23" s="61"/>
      <c r="QNI23" s="61"/>
      <c r="QNJ23" s="61"/>
      <c r="QNK23" s="61"/>
      <c r="QNL23" s="62"/>
      <c r="QNM23" s="56"/>
      <c r="QNN23" s="61"/>
      <c r="QNO23" s="61"/>
      <c r="QNP23" s="61"/>
      <c r="QNQ23" s="61"/>
      <c r="QNR23" s="62"/>
      <c r="QNS23" s="56"/>
      <c r="QNT23" s="61"/>
      <c r="QNU23" s="61"/>
      <c r="QNV23" s="61"/>
      <c r="QNW23" s="61"/>
      <c r="QNX23" s="62"/>
      <c r="QNY23" s="56"/>
      <c r="QNZ23" s="61"/>
      <c r="QOA23" s="61"/>
      <c r="QOB23" s="61"/>
      <c r="QOC23" s="61"/>
      <c r="QOD23" s="62"/>
      <c r="QOE23" s="56"/>
      <c r="QOF23" s="61"/>
      <c r="QOG23" s="61"/>
      <c r="QOH23" s="61"/>
      <c r="QOI23" s="61"/>
      <c r="QOJ23" s="62"/>
      <c r="QOK23" s="56"/>
      <c r="QOL23" s="61"/>
      <c r="QOM23" s="61"/>
      <c r="QON23" s="61"/>
      <c r="QOO23" s="61"/>
      <c r="QOP23" s="62"/>
      <c r="QOQ23" s="56"/>
      <c r="QOR23" s="61"/>
      <c r="QOS23" s="61"/>
      <c r="QOT23" s="61"/>
      <c r="QOU23" s="61"/>
      <c r="QOV23" s="62"/>
      <c r="QOW23" s="56"/>
      <c r="QOX23" s="61"/>
      <c r="QOY23" s="61"/>
      <c r="QOZ23" s="61"/>
      <c r="QPA23" s="61"/>
      <c r="QPB23" s="62"/>
      <c r="QPC23" s="56"/>
      <c r="QPD23" s="61"/>
      <c r="QPE23" s="61"/>
      <c r="QPF23" s="61"/>
      <c r="QPG23" s="61"/>
      <c r="QPH23" s="62"/>
      <c r="QPI23" s="56"/>
      <c r="QPJ23" s="61"/>
      <c r="QPK23" s="61"/>
      <c r="QPL23" s="61"/>
      <c r="QPM23" s="61"/>
      <c r="QPN23" s="62"/>
      <c r="QPO23" s="56"/>
      <c r="QPP23" s="61"/>
      <c r="QPQ23" s="61"/>
      <c r="QPR23" s="61"/>
      <c r="QPS23" s="61"/>
      <c r="QPT23" s="62"/>
      <c r="QPU23" s="56"/>
      <c r="QPV23" s="61"/>
      <c r="QPW23" s="61"/>
      <c r="QPX23" s="61"/>
      <c r="QPY23" s="61"/>
      <c r="QPZ23" s="62"/>
      <c r="QQA23" s="56"/>
      <c r="QQB23" s="61"/>
      <c r="QQC23" s="61"/>
      <c r="QQD23" s="61"/>
      <c r="QQE23" s="61"/>
      <c r="QQF23" s="62"/>
      <c r="QQG23" s="56"/>
      <c r="QQH23" s="61"/>
      <c r="QQI23" s="61"/>
      <c r="QQJ23" s="61"/>
      <c r="QQK23" s="61"/>
      <c r="QQL23" s="62"/>
      <c r="QQM23" s="56"/>
      <c r="QQN23" s="61"/>
      <c r="QQO23" s="61"/>
      <c r="QQP23" s="61"/>
      <c r="QQQ23" s="61"/>
      <c r="QQR23" s="62"/>
      <c r="QQS23" s="56"/>
      <c r="QQT23" s="61"/>
      <c r="QQU23" s="61"/>
      <c r="QQV23" s="61"/>
      <c r="QQW23" s="61"/>
      <c r="QQX23" s="62"/>
      <c r="QQY23" s="56"/>
      <c r="QQZ23" s="61"/>
      <c r="QRA23" s="61"/>
      <c r="QRB23" s="61"/>
      <c r="QRC23" s="61"/>
      <c r="QRD23" s="62"/>
      <c r="QRE23" s="56"/>
      <c r="QRF23" s="61"/>
      <c r="QRG23" s="61"/>
      <c r="QRH23" s="61"/>
      <c r="QRI23" s="61"/>
      <c r="QRJ23" s="62"/>
      <c r="QRK23" s="56"/>
      <c r="QRL23" s="61"/>
      <c r="QRM23" s="61"/>
      <c r="QRN23" s="61"/>
      <c r="QRO23" s="61"/>
      <c r="QRP23" s="62"/>
      <c r="QRQ23" s="56"/>
      <c r="QRR23" s="61"/>
      <c r="QRS23" s="61"/>
      <c r="QRT23" s="61"/>
      <c r="QRU23" s="61"/>
      <c r="QRV23" s="62"/>
      <c r="QRW23" s="56"/>
      <c r="QRX23" s="61"/>
      <c r="QRY23" s="61"/>
      <c r="QRZ23" s="61"/>
      <c r="QSA23" s="61"/>
      <c r="QSB23" s="62"/>
      <c r="QSC23" s="56"/>
      <c r="QSD23" s="61"/>
      <c r="QSE23" s="61"/>
      <c r="QSF23" s="61"/>
      <c r="QSG23" s="61"/>
      <c r="QSH23" s="62"/>
      <c r="QSI23" s="56"/>
      <c r="QSJ23" s="61"/>
      <c r="QSK23" s="61"/>
      <c r="QSL23" s="61"/>
      <c r="QSM23" s="61"/>
      <c r="QSN23" s="62"/>
      <c r="QSO23" s="56"/>
      <c r="QSP23" s="61"/>
      <c r="QSQ23" s="61"/>
      <c r="QSR23" s="61"/>
      <c r="QSS23" s="61"/>
      <c r="QST23" s="62"/>
      <c r="QSU23" s="56"/>
      <c r="QSV23" s="61"/>
      <c r="QSW23" s="61"/>
      <c r="QSX23" s="61"/>
      <c r="QSY23" s="61"/>
      <c r="QSZ23" s="62"/>
      <c r="QTA23" s="56"/>
      <c r="QTB23" s="61"/>
      <c r="QTC23" s="61"/>
      <c r="QTD23" s="61"/>
      <c r="QTE23" s="61"/>
      <c r="QTF23" s="62"/>
      <c r="QTG23" s="56"/>
      <c r="QTH23" s="61"/>
      <c r="QTI23" s="61"/>
      <c r="QTJ23" s="61"/>
      <c r="QTK23" s="61"/>
      <c r="QTL23" s="62"/>
      <c r="QTM23" s="56"/>
      <c r="QTN23" s="61"/>
      <c r="QTO23" s="61"/>
      <c r="QTP23" s="61"/>
      <c r="QTQ23" s="61"/>
      <c r="QTR23" s="62"/>
      <c r="QTS23" s="56"/>
      <c r="QTT23" s="61"/>
      <c r="QTU23" s="61"/>
      <c r="QTV23" s="61"/>
      <c r="QTW23" s="61"/>
      <c r="QTX23" s="62"/>
      <c r="QTY23" s="56"/>
      <c r="QTZ23" s="61"/>
      <c r="QUA23" s="61"/>
      <c r="QUB23" s="61"/>
      <c r="QUC23" s="61"/>
      <c r="QUD23" s="62"/>
      <c r="QUE23" s="56"/>
      <c r="QUF23" s="61"/>
      <c r="QUG23" s="61"/>
      <c r="QUH23" s="61"/>
      <c r="QUI23" s="61"/>
      <c r="QUJ23" s="62"/>
      <c r="QUK23" s="56"/>
      <c r="QUL23" s="61"/>
      <c r="QUM23" s="61"/>
      <c r="QUN23" s="61"/>
      <c r="QUO23" s="61"/>
      <c r="QUP23" s="62"/>
      <c r="QUQ23" s="56"/>
      <c r="QUR23" s="61"/>
      <c r="QUS23" s="61"/>
      <c r="QUT23" s="61"/>
      <c r="QUU23" s="61"/>
      <c r="QUV23" s="62"/>
      <c r="QUW23" s="56"/>
      <c r="QUX23" s="61"/>
      <c r="QUY23" s="61"/>
      <c r="QUZ23" s="61"/>
      <c r="QVA23" s="61"/>
      <c r="QVB23" s="62"/>
      <c r="QVC23" s="56"/>
      <c r="QVD23" s="61"/>
      <c r="QVE23" s="61"/>
      <c r="QVF23" s="61"/>
      <c r="QVG23" s="61"/>
      <c r="QVH23" s="62"/>
      <c r="QVI23" s="56"/>
      <c r="QVJ23" s="61"/>
      <c r="QVK23" s="61"/>
      <c r="QVL23" s="61"/>
      <c r="QVM23" s="61"/>
      <c r="QVN23" s="62"/>
      <c r="QVO23" s="56"/>
      <c r="QVP23" s="61"/>
      <c r="QVQ23" s="61"/>
      <c r="QVR23" s="61"/>
      <c r="QVS23" s="61"/>
      <c r="QVT23" s="62"/>
      <c r="QVU23" s="56"/>
      <c r="QVV23" s="61"/>
      <c r="QVW23" s="61"/>
      <c r="QVX23" s="61"/>
      <c r="QVY23" s="61"/>
      <c r="QVZ23" s="62"/>
      <c r="QWA23" s="56"/>
      <c r="QWB23" s="61"/>
      <c r="QWC23" s="61"/>
      <c r="QWD23" s="61"/>
      <c r="QWE23" s="61"/>
      <c r="QWF23" s="62"/>
      <c r="QWG23" s="56"/>
      <c r="QWH23" s="61"/>
      <c r="QWI23" s="61"/>
      <c r="QWJ23" s="61"/>
      <c r="QWK23" s="61"/>
      <c r="QWL23" s="62"/>
      <c r="QWM23" s="56"/>
      <c r="QWN23" s="61"/>
      <c r="QWO23" s="61"/>
      <c r="QWP23" s="61"/>
      <c r="QWQ23" s="61"/>
      <c r="QWR23" s="62"/>
      <c r="QWS23" s="56"/>
      <c r="QWT23" s="61"/>
      <c r="QWU23" s="61"/>
      <c r="QWV23" s="61"/>
      <c r="QWW23" s="61"/>
      <c r="QWX23" s="62"/>
      <c r="QWY23" s="56"/>
      <c r="QWZ23" s="61"/>
      <c r="QXA23" s="61"/>
      <c r="QXB23" s="61"/>
      <c r="QXC23" s="61"/>
      <c r="QXD23" s="62"/>
      <c r="QXE23" s="56"/>
      <c r="QXF23" s="61"/>
      <c r="QXG23" s="61"/>
      <c r="QXH23" s="61"/>
      <c r="QXI23" s="61"/>
      <c r="QXJ23" s="62"/>
      <c r="QXK23" s="56"/>
      <c r="QXL23" s="61"/>
      <c r="QXM23" s="61"/>
      <c r="QXN23" s="61"/>
      <c r="QXO23" s="61"/>
      <c r="QXP23" s="62"/>
      <c r="QXQ23" s="56"/>
      <c r="QXR23" s="61"/>
      <c r="QXS23" s="61"/>
      <c r="QXT23" s="61"/>
      <c r="QXU23" s="61"/>
      <c r="QXV23" s="62"/>
      <c r="QXW23" s="56"/>
      <c r="QXX23" s="61"/>
      <c r="QXY23" s="61"/>
      <c r="QXZ23" s="61"/>
      <c r="QYA23" s="61"/>
      <c r="QYB23" s="62"/>
      <c r="QYC23" s="56"/>
      <c r="QYD23" s="61"/>
      <c r="QYE23" s="61"/>
      <c r="QYF23" s="61"/>
      <c r="QYG23" s="61"/>
      <c r="QYH23" s="62"/>
      <c r="QYI23" s="56"/>
      <c r="QYJ23" s="61"/>
      <c r="QYK23" s="61"/>
      <c r="QYL23" s="61"/>
      <c r="QYM23" s="61"/>
      <c r="QYN23" s="62"/>
      <c r="QYO23" s="56"/>
      <c r="QYP23" s="61"/>
      <c r="QYQ23" s="61"/>
      <c r="QYR23" s="61"/>
      <c r="QYS23" s="61"/>
      <c r="QYT23" s="62"/>
      <c r="QYU23" s="56"/>
      <c r="QYV23" s="61"/>
      <c r="QYW23" s="61"/>
      <c r="QYX23" s="61"/>
      <c r="QYY23" s="61"/>
      <c r="QYZ23" s="62"/>
      <c r="QZA23" s="56"/>
      <c r="QZB23" s="61"/>
      <c r="QZC23" s="61"/>
      <c r="QZD23" s="61"/>
      <c r="QZE23" s="61"/>
      <c r="QZF23" s="62"/>
      <c r="QZG23" s="56"/>
      <c r="QZH23" s="61"/>
      <c r="QZI23" s="61"/>
      <c r="QZJ23" s="61"/>
      <c r="QZK23" s="61"/>
      <c r="QZL23" s="62"/>
      <c r="QZM23" s="56"/>
      <c r="QZN23" s="61"/>
      <c r="QZO23" s="61"/>
      <c r="QZP23" s="61"/>
      <c r="QZQ23" s="61"/>
      <c r="QZR23" s="62"/>
      <c r="QZS23" s="56"/>
      <c r="QZT23" s="61"/>
      <c r="QZU23" s="61"/>
      <c r="QZV23" s="61"/>
      <c r="QZW23" s="61"/>
      <c r="QZX23" s="62"/>
      <c r="QZY23" s="56"/>
      <c r="QZZ23" s="61"/>
      <c r="RAA23" s="61"/>
      <c r="RAB23" s="61"/>
      <c r="RAC23" s="61"/>
      <c r="RAD23" s="62"/>
      <c r="RAE23" s="56"/>
      <c r="RAF23" s="61"/>
      <c r="RAG23" s="61"/>
      <c r="RAH23" s="61"/>
      <c r="RAI23" s="61"/>
      <c r="RAJ23" s="62"/>
      <c r="RAK23" s="56"/>
      <c r="RAL23" s="61"/>
      <c r="RAM23" s="61"/>
      <c r="RAN23" s="61"/>
      <c r="RAO23" s="61"/>
      <c r="RAP23" s="62"/>
      <c r="RAQ23" s="56"/>
      <c r="RAR23" s="61"/>
      <c r="RAS23" s="61"/>
      <c r="RAT23" s="61"/>
      <c r="RAU23" s="61"/>
      <c r="RAV23" s="62"/>
      <c r="RAW23" s="56"/>
      <c r="RAX23" s="61"/>
      <c r="RAY23" s="61"/>
      <c r="RAZ23" s="61"/>
      <c r="RBA23" s="61"/>
      <c r="RBB23" s="62"/>
      <c r="RBC23" s="56"/>
      <c r="RBD23" s="61"/>
      <c r="RBE23" s="61"/>
      <c r="RBF23" s="61"/>
      <c r="RBG23" s="61"/>
      <c r="RBH23" s="62"/>
      <c r="RBI23" s="56"/>
      <c r="RBJ23" s="61"/>
      <c r="RBK23" s="61"/>
      <c r="RBL23" s="61"/>
      <c r="RBM23" s="61"/>
      <c r="RBN23" s="62"/>
      <c r="RBO23" s="56"/>
      <c r="RBP23" s="61"/>
      <c r="RBQ23" s="61"/>
      <c r="RBR23" s="61"/>
      <c r="RBS23" s="61"/>
      <c r="RBT23" s="62"/>
      <c r="RBU23" s="56"/>
      <c r="RBV23" s="61"/>
      <c r="RBW23" s="61"/>
      <c r="RBX23" s="61"/>
      <c r="RBY23" s="61"/>
      <c r="RBZ23" s="62"/>
      <c r="RCA23" s="56"/>
      <c r="RCB23" s="61"/>
      <c r="RCC23" s="61"/>
      <c r="RCD23" s="61"/>
      <c r="RCE23" s="61"/>
      <c r="RCF23" s="62"/>
      <c r="RCG23" s="56"/>
      <c r="RCH23" s="61"/>
      <c r="RCI23" s="61"/>
      <c r="RCJ23" s="61"/>
      <c r="RCK23" s="61"/>
      <c r="RCL23" s="62"/>
      <c r="RCM23" s="56"/>
      <c r="RCN23" s="61"/>
      <c r="RCO23" s="61"/>
      <c r="RCP23" s="61"/>
      <c r="RCQ23" s="61"/>
      <c r="RCR23" s="62"/>
      <c r="RCS23" s="56"/>
      <c r="RCT23" s="61"/>
      <c r="RCU23" s="61"/>
      <c r="RCV23" s="61"/>
      <c r="RCW23" s="61"/>
      <c r="RCX23" s="62"/>
      <c r="RCY23" s="56"/>
      <c r="RCZ23" s="61"/>
      <c r="RDA23" s="61"/>
      <c r="RDB23" s="61"/>
      <c r="RDC23" s="61"/>
      <c r="RDD23" s="62"/>
      <c r="RDE23" s="56"/>
      <c r="RDF23" s="61"/>
      <c r="RDG23" s="61"/>
      <c r="RDH23" s="61"/>
      <c r="RDI23" s="61"/>
      <c r="RDJ23" s="62"/>
      <c r="RDK23" s="56"/>
      <c r="RDL23" s="61"/>
      <c r="RDM23" s="61"/>
      <c r="RDN23" s="61"/>
      <c r="RDO23" s="61"/>
      <c r="RDP23" s="62"/>
      <c r="RDQ23" s="56"/>
      <c r="RDR23" s="61"/>
      <c r="RDS23" s="61"/>
      <c r="RDT23" s="61"/>
      <c r="RDU23" s="61"/>
      <c r="RDV23" s="62"/>
      <c r="RDW23" s="56"/>
      <c r="RDX23" s="61"/>
      <c r="RDY23" s="61"/>
      <c r="RDZ23" s="61"/>
      <c r="REA23" s="61"/>
      <c r="REB23" s="62"/>
      <c r="REC23" s="56"/>
      <c r="RED23" s="61"/>
      <c r="REE23" s="61"/>
      <c r="REF23" s="61"/>
      <c r="REG23" s="61"/>
      <c r="REH23" s="62"/>
      <c r="REI23" s="56"/>
      <c r="REJ23" s="61"/>
      <c r="REK23" s="61"/>
      <c r="REL23" s="61"/>
      <c r="REM23" s="61"/>
      <c r="REN23" s="62"/>
      <c r="REO23" s="56"/>
      <c r="REP23" s="61"/>
      <c r="REQ23" s="61"/>
      <c r="RER23" s="61"/>
      <c r="RES23" s="61"/>
      <c r="RET23" s="62"/>
      <c r="REU23" s="56"/>
      <c r="REV23" s="61"/>
      <c r="REW23" s="61"/>
      <c r="REX23" s="61"/>
      <c r="REY23" s="61"/>
      <c r="REZ23" s="62"/>
      <c r="RFA23" s="56"/>
      <c r="RFB23" s="61"/>
      <c r="RFC23" s="61"/>
      <c r="RFD23" s="61"/>
      <c r="RFE23" s="61"/>
      <c r="RFF23" s="62"/>
      <c r="RFG23" s="56"/>
      <c r="RFH23" s="61"/>
      <c r="RFI23" s="61"/>
      <c r="RFJ23" s="61"/>
      <c r="RFK23" s="61"/>
      <c r="RFL23" s="62"/>
      <c r="RFM23" s="56"/>
      <c r="RFN23" s="61"/>
      <c r="RFO23" s="61"/>
      <c r="RFP23" s="61"/>
      <c r="RFQ23" s="61"/>
      <c r="RFR23" s="62"/>
      <c r="RFS23" s="56"/>
      <c r="RFT23" s="61"/>
      <c r="RFU23" s="61"/>
      <c r="RFV23" s="61"/>
      <c r="RFW23" s="61"/>
      <c r="RFX23" s="62"/>
      <c r="RFY23" s="56"/>
      <c r="RFZ23" s="61"/>
      <c r="RGA23" s="61"/>
      <c r="RGB23" s="61"/>
      <c r="RGC23" s="61"/>
      <c r="RGD23" s="62"/>
      <c r="RGE23" s="56"/>
      <c r="RGF23" s="61"/>
      <c r="RGG23" s="61"/>
      <c r="RGH23" s="61"/>
      <c r="RGI23" s="61"/>
      <c r="RGJ23" s="62"/>
      <c r="RGK23" s="56"/>
      <c r="RGL23" s="61"/>
      <c r="RGM23" s="61"/>
      <c r="RGN23" s="61"/>
      <c r="RGO23" s="61"/>
      <c r="RGP23" s="62"/>
      <c r="RGQ23" s="56"/>
      <c r="RGR23" s="61"/>
      <c r="RGS23" s="61"/>
      <c r="RGT23" s="61"/>
      <c r="RGU23" s="61"/>
      <c r="RGV23" s="62"/>
      <c r="RGW23" s="56"/>
      <c r="RGX23" s="61"/>
      <c r="RGY23" s="61"/>
      <c r="RGZ23" s="61"/>
      <c r="RHA23" s="61"/>
      <c r="RHB23" s="62"/>
      <c r="RHC23" s="56"/>
      <c r="RHD23" s="61"/>
      <c r="RHE23" s="61"/>
      <c r="RHF23" s="61"/>
      <c r="RHG23" s="61"/>
      <c r="RHH23" s="62"/>
      <c r="RHI23" s="56"/>
      <c r="RHJ23" s="61"/>
      <c r="RHK23" s="61"/>
      <c r="RHL23" s="61"/>
      <c r="RHM23" s="61"/>
      <c r="RHN23" s="62"/>
      <c r="RHO23" s="56"/>
      <c r="RHP23" s="61"/>
      <c r="RHQ23" s="61"/>
      <c r="RHR23" s="61"/>
      <c r="RHS23" s="61"/>
      <c r="RHT23" s="62"/>
      <c r="RHU23" s="56"/>
      <c r="RHV23" s="61"/>
      <c r="RHW23" s="61"/>
      <c r="RHX23" s="61"/>
      <c r="RHY23" s="61"/>
      <c r="RHZ23" s="62"/>
      <c r="RIA23" s="56"/>
      <c r="RIB23" s="61"/>
      <c r="RIC23" s="61"/>
      <c r="RID23" s="61"/>
      <c r="RIE23" s="61"/>
      <c r="RIF23" s="62"/>
      <c r="RIG23" s="56"/>
      <c r="RIH23" s="61"/>
      <c r="RII23" s="61"/>
      <c r="RIJ23" s="61"/>
      <c r="RIK23" s="61"/>
      <c r="RIL23" s="62"/>
      <c r="RIM23" s="56"/>
      <c r="RIN23" s="61"/>
      <c r="RIO23" s="61"/>
      <c r="RIP23" s="61"/>
      <c r="RIQ23" s="61"/>
      <c r="RIR23" s="62"/>
      <c r="RIS23" s="56"/>
      <c r="RIT23" s="61"/>
      <c r="RIU23" s="61"/>
      <c r="RIV23" s="61"/>
      <c r="RIW23" s="61"/>
      <c r="RIX23" s="62"/>
      <c r="RIY23" s="56"/>
      <c r="RIZ23" s="61"/>
      <c r="RJA23" s="61"/>
      <c r="RJB23" s="61"/>
      <c r="RJC23" s="61"/>
      <c r="RJD23" s="62"/>
      <c r="RJE23" s="56"/>
      <c r="RJF23" s="61"/>
      <c r="RJG23" s="61"/>
      <c r="RJH23" s="61"/>
      <c r="RJI23" s="61"/>
      <c r="RJJ23" s="62"/>
      <c r="RJK23" s="56"/>
      <c r="RJL23" s="61"/>
      <c r="RJM23" s="61"/>
      <c r="RJN23" s="61"/>
      <c r="RJO23" s="61"/>
      <c r="RJP23" s="62"/>
      <c r="RJQ23" s="56"/>
      <c r="RJR23" s="61"/>
      <c r="RJS23" s="61"/>
      <c r="RJT23" s="61"/>
      <c r="RJU23" s="61"/>
      <c r="RJV23" s="62"/>
      <c r="RJW23" s="56"/>
      <c r="RJX23" s="61"/>
      <c r="RJY23" s="61"/>
      <c r="RJZ23" s="61"/>
      <c r="RKA23" s="61"/>
      <c r="RKB23" s="62"/>
      <c r="RKC23" s="56"/>
      <c r="RKD23" s="61"/>
      <c r="RKE23" s="61"/>
      <c r="RKF23" s="61"/>
      <c r="RKG23" s="61"/>
      <c r="RKH23" s="62"/>
      <c r="RKI23" s="56"/>
      <c r="RKJ23" s="61"/>
      <c r="RKK23" s="61"/>
      <c r="RKL23" s="61"/>
      <c r="RKM23" s="61"/>
      <c r="RKN23" s="62"/>
      <c r="RKO23" s="56"/>
      <c r="RKP23" s="61"/>
      <c r="RKQ23" s="61"/>
      <c r="RKR23" s="61"/>
      <c r="RKS23" s="61"/>
      <c r="RKT23" s="62"/>
      <c r="RKU23" s="56"/>
      <c r="RKV23" s="61"/>
      <c r="RKW23" s="61"/>
      <c r="RKX23" s="61"/>
      <c r="RKY23" s="61"/>
      <c r="RKZ23" s="62"/>
      <c r="RLA23" s="56"/>
      <c r="RLB23" s="61"/>
      <c r="RLC23" s="61"/>
      <c r="RLD23" s="61"/>
      <c r="RLE23" s="61"/>
      <c r="RLF23" s="62"/>
      <c r="RLG23" s="56"/>
      <c r="RLH23" s="61"/>
      <c r="RLI23" s="61"/>
      <c r="RLJ23" s="61"/>
      <c r="RLK23" s="61"/>
      <c r="RLL23" s="62"/>
      <c r="RLM23" s="56"/>
      <c r="RLN23" s="61"/>
      <c r="RLO23" s="61"/>
      <c r="RLP23" s="61"/>
      <c r="RLQ23" s="61"/>
      <c r="RLR23" s="62"/>
      <c r="RLS23" s="56"/>
      <c r="RLT23" s="61"/>
      <c r="RLU23" s="61"/>
      <c r="RLV23" s="61"/>
      <c r="RLW23" s="61"/>
      <c r="RLX23" s="62"/>
      <c r="RLY23" s="56"/>
      <c r="RLZ23" s="61"/>
      <c r="RMA23" s="61"/>
      <c r="RMB23" s="61"/>
      <c r="RMC23" s="61"/>
      <c r="RMD23" s="62"/>
      <c r="RME23" s="56"/>
      <c r="RMF23" s="61"/>
      <c r="RMG23" s="61"/>
      <c r="RMH23" s="61"/>
      <c r="RMI23" s="61"/>
      <c r="RMJ23" s="62"/>
      <c r="RMK23" s="56"/>
      <c r="RML23" s="61"/>
      <c r="RMM23" s="61"/>
      <c r="RMN23" s="61"/>
      <c r="RMO23" s="61"/>
      <c r="RMP23" s="62"/>
      <c r="RMQ23" s="56"/>
      <c r="RMR23" s="61"/>
      <c r="RMS23" s="61"/>
      <c r="RMT23" s="61"/>
      <c r="RMU23" s="61"/>
      <c r="RMV23" s="62"/>
      <c r="RMW23" s="56"/>
      <c r="RMX23" s="61"/>
      <c r="RMY23" s="61"/>
      <c r="RMZ23" s="61"/>
      <c r="RNA23" s="61"/>
      <c r="RNB23" s="62"/>
      <c r="RNC23" s="56"/>
      <c r="RND23" s="61"/>
      <c r="RNE23" s="61"/>
      <c r="RNF23" s="61"/>
      <c r="RNG23" s="61"/>
      <c r="RNH23" s="62"/>
      <c r="RNI23" s="56"/>
      <c r="RNJ23" s="61"/>
      <c r="RNK23" s="61"/>
      <c r="RNL23" s="61"/>
      <c r="RNM23" s="61"/>
      <c r="RNN23" s="62"/>
      <c r="RNO23" s="56"/>
      <c r="RNP23" s="61"/>
      <c r="RNQ23" s="61"/>
      <c r="RNR23" s="61"/>
      <c r="RNS23" s="61"/>
      <c r="RNT23" s="62"/>
      <c r="RNU23" s="56"/>
      <c r="RNV23" s="61"/>
      <c r="RNW23" s="61"/>
      <c r="RNX23" s="61"/>
      <c r="RNY23" s="61"/>
      <c r="RNZ23" s="62"/>
      <c r="ROA23" s="56"/>
      <c r="ROB23" s="61"/>
      <c r="ROC23" s="61"/>
      <c r="ROD23" s="61"/>
      <c r="ROE23" s="61"/>
      <c r="ROF23" s="62"/>
      <c r="ROG23" s="56"/>
      <c r="ROH23" s="61"/>
      <c r="ROI23" s="61"/>
      <c r="ROJ23" s="61"/>
      <c r="ROK23" s="61"/>
      <c r="ROL23" s="62"/>
      <c r="ROM23" s="56"/>
      <c r="RON23" s="61"/>
      <c r="ROO23" s="61"/>
      <c r="ROP23" s="61"/>
      <c r="ROQ23" s="61"/>
      <c r="ROR23" s="62"/>
      <c r="ROS23" s="56"/>
      <c r="ROT23" s="61"/>
      <c r="ROU23" s="61"/>
      <c r="ROV23" s="61"/>
      <c r="ROW23" s="61"/>
      <c r="ROX23" s="62"/>
      <c r="ROY23" s="56"/>
      <c r="ROZ23" s="61"/>
      <c r="RPA23" s="61"/>
      <c r="RPB23" s="61"/>
      <c r="RPC23" s="61"/>
      <c r="RPD23" s="62"/>
      <c r="RPE23" s="56"/>
      <c r="RPF23" s="61"/>
      <c r="RPG23" s="61"/>
      <c r="RPH23" s="61"/>
      <c r="RPI23" s="61"/>
      <c r="RPJ23" s="62"/>
      <c r="RPK23" s="56"/>
      <c r="RPL23" s="61"/>
      <c r="RPM23" s="61"/>
      <c r="RPN23" s="61"/>
      <c r="RPO23" s="61"/>
      <c r="RPP23" s="62"/>
      <c r="RPQ23" s="56"/>
      <c r="RPR23" s="61"/>
      <c r="RPS23" s="61"/>
      <c r="RPT23" s="61"/>
      <c r="RPU23" s="61"/>
      <c r="RPV23" s="62"/>
      <c r="RPW23" s="56"/>
      <c r="RPX23" s="61"/>
      <c r="RPY23" s="61"/>
      <c r="RPZ23" s="61"/>
      <c r="RQA23" s="61"/>
      <c r="RQB23" s="62"/>
      <c r="RQC23" s="56"/>
      <c r="RQD23" s="61"/>
      <c r="RQE23" s="61"/>
      <c r="RQF23" s="61"/>
      <c r="RQG23" s="61"/>
      <c r="RQH23" s="62"/>
      <c r="RQI23" s="56"/>
      <c r="RQJ23" s="61"/>
      <c r="RQK23" s="61"/>
      <c r="RQL23" s="61"/>
      <c r="RQM23" s="61"/>
      <c r="RQN23" s="62"/>
      <c r="RQO23" s="56"/>
      <c r="RQP23" s="61"/>
      <c r="RQQ23" s="61"/>
      <c r="RQR23" s="61"/>
      <c r="RQS23" s="61"/>
      <c r="RQT23" s="62"/>
      <c r="RQU23" s="56"/>
      <c r="RQV23" s="61"/>
      <c r="RQW23" s="61"/>
      <c r="RQX23" s="61"/>
      <c r="RQY23" s="61"/>
      <c r="RQZ23" s="62"/>
      <c r="RRA23" s="56"/>
      <c r="RRB23" s="61"/>
      <c r="RRC23" s="61"/>
      <c r="RRD23" s="61"/>
      <c r="RRE23" s="61"/>
      <c r="RRF23" s="62"/>
      <c r="RRG23" s="56"/>
      <c r="RRH23" s="61"/>
      <c r="RRI23" s="61"/>
      <c r="RRJ23" s="61"/>
      <c r="RRK23" s="61"/>
      <c r="RRL23" s="62"/>
      <c r="RRM23" s="56"/>
      <c r="RRN23" s="61"/>
      <c r="RRO23" s="61"/>
      <c r="RRP23" s="61"/>
      <c r="RRQ23" s="61"/>
      <c r="RRR23" s="62"/>
      <c r="RRS23" s="56"/>
      <c r="RRT23" s="61"/>
      <c r="RRU23" s="61"/>
      <c r="RRV23" s="61"/>
      <c r="RRW23" s="61"/>
      <c r="RRX23" s="62"/>
      <c r="RRY23" s="56"/>
      <c r="RRZ23" s="61"/>
      <c r="RSA23" s="61"/>
      <c r="RSB23" s="61"/>
      <c r="RSC23" s="61"/>
      <c r="RSD23" s="62"/>
      <c r="RSE23" s="56"/>
      <c r="RSF23" s="61"/>
      <c r="RSG23" s="61"/>
      <c r="RSH23" s="61"/>
      <c r="RSI23" s="61"/>
      <c r="RSJ23" s="62"/>
      <c r="RSK23" s="56"/>
      <c r="RSL23" s="61"/>
      <c r="RSM23" s="61"/>
      <c r="RSN23" s="61"/>
      <c r="RSO23" s="61"/>
      <c r="RSP23" s="62"/>
      <c r="RSQ23" s="56"/>
      <c r="RSR23" s="61"/>
      <c r="RSS23" s="61"/>
      <c r="RST23" s="61"/>
      <c r="RSU23" s="61"/>
      <c r="RSV23" s="62"/>
      <c r="RSW23" s="56"/>
      <c r="RSX23" s="61"/>
      <c r="RSY23" s="61"/>
      <c r="RSZ23" s="61"/>
      <c r="RTA23" s="61"/>
      <c r="RTB23" s="62"/>
      <c r="RTC23" s="56"/>
      <c r="RTD23" s="61"/>
      <c r="RTE23" s="61"/>
      <c r="RTF23" s="61"/>
      <c r="RTG23" s="61"/>
      <c r="RTH23" s="62"/>
      <c r="RTI23" s="56"/>
      <c r="RTJ23" s="61"/>
      <c r="RTK23" s="61"/>
      <c r="RTL23" s="61"/>
      <c r="RTM23" s="61"/>
      <c r="RTN23" s="62"/>
      <c r="RTO23" s="56"/>
      <c r="RTP23" s="61"/>
      <c r="RTQ23" s="61"/>
      <c r="RTR23" s="61"/>
      <c r="RTS23" s="61"/>
      <c r="RTT23" s="62"/>
      <c r="RTU23" s="56"/>
      <c r="RTV23" s="61"/>
      <c r="RTW23" s="61"/>
      <c r="RTX23" s="61"/>
      <c r="RTY23" s="61"/>
      <c r="RTZ23" s="62"/>
      <c r="RUA23" s="56"/>
      <c r="RUB23" s="61"/>
      <c r="RUC23" s="61"/>
      <c r="RUD23" s="61"/>
      <c r="RUE23" s="61"/>
      <c r="RUF23" s="62"/>
      <c r="RUG23" s="56"/>
      <c r="RUH23" s="61"/>
      <c r="RUI23" s="61"/>
      <c r="RUJ23" s="61"/>
      <c r="RUK23" s="61"/>
      <c r="RUL23" s="62"/>
      <c r="RUM23" s="56"/>
      <c r="RUN23" s="61"/>
      <c r="RUO23" s="61"/>
      <c r="RUP23" s="61"/>
      <c r="RUQ23" s="61"/>
      <c r="RUR23" s="62"/>
      <c r="RUS23" s="56"/>
      <c r="RUT23" s="61"/>
      <c r="RUU23" s="61"/>
      <c r="RUV23" s="61"/>
      <c r="RUW23" s="61"/>
      <c r="RUX23" s="62"/>
      <c r="RUY23" s="56"/>
      <c r="RUZ23" s="61"/>
      <c r="RVA23" s="61"/>
      <c r="RVB23" s="61"/>
      <c r="RVC23" s="61"/>
      <c r="RVD23" s="62"/>
      <c r="RVE23" s="56"/>
      <c r="RVF23" s="61"/>
      <c r="RVG23" s="61"/>
      <c r="RVH23" s="61"/>
      <c r="RVI23" s="61"/>
      <c r="RVJ23" s="62"/>
      <c r="RVK23" s="56"/>
      <c r="RVL23" s="61"/>
      <c r="RVM23" s="61"/>
      <c r="RVN23" s="61"/>
      <c r="RVO23" s="61"/>
      <c r="RVP23" s="62"/>
      <c r="RVQ23" s="56"/>
      <c r="RVR23" s="61"/>
      <c r="RVS23" s="61"/>
      <c r="RVT23" s="61"/>
      <c r="RVU23" s="61"/>
      <c r="RVV23" s="62"/>
      <c r="RVW23" s="56"/>
      <c r="RVX23" s="61"/>
      <c r="RVY23" s="61"/>
      <c r="RVZ23" s="61"/>
      <c r="RWA23" s="61"/>
      <c r="RWB23" s="62"/>
      <c r="RWC23" s="56"/>
      <c r="RWD23" s="61"/>
      <c r="RWE23" s="61"/>
      <c r="RWF23" s="61"/>
      <c r="RWG23" s="61"/>
      <c r="RWH23" s="62"/>
      <c r="RWI23" s="56"/>
      <c r="RWJ23" s="61"/>
      <c r="RWK23" s="61"/>
      <c r="RWL23" s="61"/>
      <c r="RWM23" s="61"/>
      <c r="RWN23" s="62"/>
      <c r="RWO23" s="56"/>
      <c r="RWP23" s="61"/>
      <c r="RWQ23" s="61"/>
      <c r="RWR23" s="61"/>
      <c r="RWS23" s="61"/>
      <c r="RWT23" s="62"/>
      <c r="RWU23" s="56"/>
      <c r="RWV23" s="61"/>
      <c r="RWW23" s="61"/>
      <c r="RWX23" s="61"/>
      <c r="RWY23" s="61"/>
      <c r="RWZ23" s="62"/>
      <c r="RXA23" s="56"/>
      <c r="RXB23" s="61"/>
      <c r="RXC23" s="61"/>
      <c r="RXD23" s="61"/>
      <c r="RXE23" s="61"/>
      <c r="RXF23" s="62"/>
      <c r="RXG23" s="56"/>
      <c r="RXH23" s="61"/>
      <c r="RXI23" s="61"/>
      <c r="RXJ23" s="61"/>
      <c r="RXK23" s="61"/>
      <c r="RXL23" s="62"/>
      <c r="RXM23" s="56"/>
      <c r="RXN23" s="61"/>
      <c r="RXO23" s="61"/>
      <c r="RXP23" s="61"/>
      <c r="RXQ23" s="61"/>
      <c r="RXR23" s="62"/>
      <c r="RXS23" s="56"/>
      <c r="RXT23" s="61"/>
      <c r="RXU23" s="61"/>
      <c r="RXV23" s="61"/>
      <c r="RXW23" s="61"/>
      <c r="RXX23" s="62"/>
      <c r="RXY23" s="56"/>
      <c r="RXZ23" s="61"/>
      <c r="RYA23" s="61"/>
      <c r="RYB23" s="61"/>
      <c r="RYC23" s="61"/>
      <c r="RYD23" s="62"/>
      <c r="RYE23" s="56"/>
      <c r="RYF23" s="61"/>
      <c r="RYG23" s="61"/>
      <c r="RYH23" s="61"/>
      <c r="RYI23" s="61"/>
      <c r="RYJ23" s="62"/>
      <c r="RYK23" s="56"/>
      <c r="RYL23" s="61"/>
      <c r="RYM23" s="61"/>
      <c r="RYN23" s="61"/>
      <c r="RYO23" s="61"/>
      <c r="RYP23" s="62"/>
      <c r="RYQ23" s="56"/>
      <c r="RYR23" s="61"/>
      <c r="RYS23" s="61"/>
      <c r="RYT23" s="61"/>
      <c r="RYU23" s="61"/>
      <c r="RYV23" s="62"/>
      <c r="RYW23" s="56"/>
      <c r="RYX23" s="61"/>
      <c r="RYY23" s="61"/>
      <c r="RYZ23" s="61"/>
      <c r="RZA23" s="61"/>
      <c r="RZB23" s="62"/>
      <c r="RZC23" s="56"/>
      <c r="RZD23" s="61"/>
      <c r="RZE23" s="61"/>
      <c r="RZF23" s="61"/>
      <c r="RZG23" s="61"/>
      <c r="RZH23" s="62"/>
      <c r="RZI23" s="56"/>
      <c r="RZJ23" s="61"/>
      <c r="RZK23" s="61"/>
      <c r="RZL23" s="61"/>
      <c r="RZM23" s="61"/>
      <c r="RZN23" s="62"/>
      <c r="RZO23" s="56"/>
      <c r="RZP23" s="61"/>
      <c r="RZQ23" s="61"/>
      <c r="RZR23" s="61"/>
      <c r="RZS23" s="61"/>
      <c r="RZT23" s="62"/>
      <c r="RZU23" s="56"/>
      <c r="RZV23" s="61"/>
      <c r="RZW23" s="61"/>
      <c r="RZX23" s="61"/>
      <c r="RZY23" s="61"/>
      <c r="RZZ23" s="62"/>
      <c r="SAA23" s="56"/>
      <c r="SAB23" s="61"/>
      <c r="SAC23" s="61"/>
      <c r="SAD23" s="61"/>
      <c r="SAE23" s="61"/>
      <c r="SAF23" s="62"/>
      <c r="SAG23" s="56"/>
      <c r="SAH23" s="61"/>
      <c r="SAI23" s="61"/>
      <c r="SAJ23" s="61"/>
      <c r="SAK23" s="61"/>
      <c r="SAL23" s="62"/>
      <c r="SAM23" s="56"/>
      <c r="SAN23" s="61"/>
      <c r="SAO23" s="61"/>
      <c r="SAP23" s="61"/>
      <c r="SAQ23" s="61"/>
      <c r="SAR23" s="62"/>
      <c r="SAS23" s="56"/>
      <c r="SAT23" s="61"/>
      <c r="SAU23" s="61"/>
      <c r="SAV23" s="61"/>
      <c r="SAW23" s="61"/>
      <c r="SAX23" s="62"/>
      <c r="SAY23" s="56"/>
      <c r="SAZ23" s="61"/>
      <c r="SBA23" s="61"/>
      <c r="SBB23" s="61"/>
      <c r="SBC23" s="61"/>
      <c r="SBD23" s="62"/>
      <c r="SBE23" s="56"/>
      <c r="SBF23" s="61"/>
      <c r="SBG23" s="61"/>
      <c r="SBH23" s="61"/>
      <c r="SBI23" s="61"/>
      <c r="SBJ23" s="62"/>
      <c r="SBK23" s="56"/>
      <c r="SBL23" s="61"/>
      <c r="SBM23" s="61"/>
      <c r="SBN23" s="61"/>
      <c r="SBO23" s="61"/>
      <c r="SBP23" s="62"/>
      <c r="SBQ23" s="56"/>
      <c r="SBR23" s="61"/>
      <c r="SBS23" s="61"/>
      <c r="SBT23" s="61"/>
      <c r="SBU23" s="61"/>
      <c r="SBV23" s="62"/>
      <c r="SBW23" s="56"/>
      <c r="SBX23" s="61"/>
      <c r="SBY23" s="61"/>
      <c r="SBZ23" s="61"/>
      <c r="SCA23" s="61"/>
      <c r="SCB23" s="62"/>
      <c r="SCC23" s="56"/>
      <c r="SCD23" s="61"/>
      <c r="SCE23" s="61"/>
      <c r="SCF23" s="61"/>
      <c r="SCG23" s="61"/>
      <c r="SCH23" s="62"/>
      <c r="SCI23" s="56"/>
      <c r="SCJ23" s="61"/>
      <c r="SCK23" s="61"/>
      <c r="SCL23" s="61"/>
      <c r="SCM23" s="61"/>
      <c r="SCN23" s="62"/>
      <c r="SCO23" s="56"/>
      <c r="SCP23" s="61"/>
      <c r="SCQ23" s="61"/>
      <c r="SCR23" s="61"/>
      <c r="SCS23" s="61"/>
      <c r="SCT23" s="62"/>
      <c r="SCU23" s="56"/>
      <c r="SCV23" s="61"/>
      <c r="SCW23" s="61"/>
      <c r="SCX23" s="61"/>
      <c r="SCY23" s="61"/>
      <c r="SCZ23" s="62"/>
      <c r="SDA23" s="56"/>
      <c r="SDB23" s="61"/>
      <c r="SDC23" s="61"/>
      <c r="SDD23" s="61"/>
      <c r="SDE23" s="61"/>
      <c r="SDF23" s="62"/>
      <c r="SDG23" s="56"/>
      <c r="SDH23" s="61"/>
      <c r="SDI23" s="61"/>
      <c r="SDJ23" s="61"/>
      <c r="SDK23" s="61"/>
      <c r="SDL23" s="62"/>
      <c r="SDM23" s="56"/>
      <c r="SDN23" s="61"/>
      <c r="SDO23" s="61"/>
      <c r="SDP23" s="61"/>
      <c r="SDQ23" s="61"/>
      <c r="SDR23" s="62"/>
      <c r="SDS23" s="56"/>
      <c r="SDT23" s="61"/>
      <c r="SDU23" s="61"/>
      <c r="SDV23" s="61"/>
      <c r="SDW23" s="61"/>
      <c r="SDX23" s="62"/>
      <c r="SDY23" s="56"/>
      <c r="SDZ23" s="61"/>
      <c r="SEA23" s="61"/>
      <c r="SEB23" s="61"/>
      <c r="SEC23" s="61"/>
      <c r="SED23" s="62"/>
      <c r="SEE23" s="56"/>
      <c r="SEF23" s="61"/>
      <c r="SEG23" s="61"/>
      <c r="SEH23" s="61"/>
      <c r="SEI23" s="61"/>
      <c r="SEJ23" s="62"/>
      <c r="SEK23" s="56"/>
      <c r="SEL23" s="61"/>
      <c r="SEM23" s="61"/>
      <c r="SEN23" s="61"/>
      <c r="SEO23" s="61"/>
      <c r="SEP23" s="62"/>
      <c r="SEQ23" s="56"/>
      <c r="SER23" s="61"/>
      <c r="SES23" s="61"/>
      <c r="SET23" s="61"/>
      <c r="SEU23" s="61"/>
      <c r="SEV23" s="62"/>
      <c r="SEW23" s="56"/>
      <c r="SEX23" s="61"/>
      <c r="SEY23" s="61"/>
      <c r="SEZ23" s="61"/>
      <c r="SFA23" s="61"/>
      <c r="SFB23" s="62"/>
      <c r="SFC23" s="56"/>
      <c r="SFD23" s="61"/>
      <c r="SFE23" s="61"/>
      <c r="SFF23" s="61"/>
      <c r="SFG23" s="61"/>
      <c r="SFH23" s="62"/>
      <c r="SFI23" s="56"/>
      <c r="SFJ23" s="61"/>
      <c r="SFK23" s="61"/>
      <c r="SFL23" s="61"/>
      <c r="SFM23" s="61"/>
      <c r="SFN23" s="62"/>
      <c r="SFO23" s="56"/>
      <c r="SFP23" s="61"/>
      <c r="SFQ23" s="61"/>
      <c r="SFR23" s="61"/>
      <c r="SFS23" s="61"/>
      <c r="SFT23" s="62"/>
      <c r="SFU23" s="56"/>
      <c r="SFV23" s="61"/>
      <c r="SFW23" s="61"/>
      <c r="SFX23" s="61"/>
      <c r="SFY23" s="61"/>
      <c r="SFZ23" s="62"/>
      <c r="SGA23" s="56"/>
      <c r="SGB23" s="61"/>
      <c r="SGC23" s="61"/>
      <c r="SGD23" s="61"/>
      <c r="SGE23" s="61"/>
      <c r="SGF23" s="62"/>
      <c r="SGG23" s="56"/>
      <c r="SGH23" s="61"/>
      <c r="SGI23" s="61"/>
      <c r="SGJ23" s="61"/>
      <c r="SGK23" s="61"/>
      <c r="SGL23" s="62"/>
      <c r="SGM23" s="56"/>
      <c r="SGN23" s="61"/>
      <c r="SGO23" s="61"/>
      <c r="SGP23" s="61"/>
      <c r="SGQ23" s="61"/>
      <c r="SGR23" s="62"/>
      <c r="SGS23" s="56"/>
      <c r="SGT23" s="61"/>
      <c r="SGU23" s="61"/>
      <c r="SGV23" s="61"/>
      <c r="SGW23" s="61"/>
      <c r="SGX23" s="62"/>
      <c r="SGY23" s="56"/>
      <c r="SGZ23" s="61"/>
      <c r="SHA23" s="61"/>
      <c r="SHB23" s="61"/>
      <c r="SHC23" s="61"/>
      <c r="SHD23" s="62"/>
      <c r="SHE23" s="56"/>
      <c r="SHF23" s="61"/>
      <c r="SHG23" s="61"/>
      <c r="SHH23" s="61"/>
      <c r="SHI23" s="61"/>
      <c r="SHJ23" s="62"/>
      <c r="SHK23" s="56"/>
      <c r="SHL23" s="61"/>
      <c r="SHM23" s="61"/>
      <c r="SHN23" s="61"/>
      <c r="SHO23" s="61"/>
      <c r="SHP23" s="62"/>
      <c r="SHQ23" s="56"/>
      <c r="SHR23" s="61"/>
      <c r="SHS23" s="61"/>
      <c r="SHT23" s="61"/>
      <c r="SHU23" s="61"/>
      <c r="SHV23" s="62"/>
      <c r="SHW23" s="56"/>
      <c r="SHX23" s="61"/>
      <c r="SHY23" s="61"/>
      <c r="SHZ23" s="61"/>
      <c r="SIA23" s="61"/>
      <c r="SIB23" s="62"/>
      <c r="SIC23" s="56"/>
      <c r="SID23" s="61"/>
      <c r="SIE23" s="61"/>
      <c r="SIF23" s="61"/>
      <c r="SIG23" s="61"/>
      <c r="SIH23" s="62"/>
      <c r="SII23" s="56"/>
      <c r="SIJ23" s="61"/>
      <c r="SIK23" s="61"/>
      <c r="SIL23" s="61"/>
      <c r="SIM23" s="61"/>
      <c r="SIN23" s="62"/>
      <c r="SIO23" s="56"/>
      <c r="SIP23" s="61"/>
      <c r="SIQ23" s="61"/>
      <c r="SIR23" s="61"/>
      <c r="SIS23" s="61"/>
      <c r="SIT23" s="62"/>
      <c r="SIU23" s="56"/>
      <c r="SIV23" s="61"/>
      <c r="SIW23" s="61"/>
      <c r="SIX23" s="61"/>
      <c r="SIY23" s="61"/>
      <c r="SIZ23" s="62"/>
      <c r="SJA23" s="56"/>
      <c r="SJB23" s="61"/>
      <c r="SJC23" s="61"/>
      <c r="SJD23" s="61"/>
      <c r="SJE23" s="61"/>
      <c r="SJF23" s="62"/>
      <c r="SJG23" s="56"/>
      <c r="SJH23" s="61"/>
      <c r="SJI23" s="61"/>
      <c r="SJJ23" s="61"/>
      <c r="SJK23" s="61"/>
      <c r="SJL23" s="62"/>
      <c r="SJM23" s="56"/>
      <c r="SJN23" s="61"/>
      <c r="SJO23" s="61"/>
      <c r="SJP23" s="61"/>
      <c r="SJQ23" s="61"/>
      <c r="SJR23" s="62"/>
      <c r="SJS23" s="56"/>
      <c r="SJT23" s="61"/>
      <c r="SJU23" s="61"/>
      <c r="SJV23" s="61"/>
      <c r="SJW23" s="61"/>
      <c r="SJX23" s="62"/>
      <c r="SJY23" s="56"/>
      <c r="SJZ23" s="61"/>
      <c r="SKA23" s="61"/>
      <c r="SKB23" s="61"/>
      <c r="SKC23" s="61"/>
      <c r="SKD23" s="62"/>
      <c r="SKE23" s="56"/>
      <c r="SKF23" s="61"/>
      <c r="SKG23" s="61"/>
      <c r="SKH23" s="61"/>
      <c r="SKI23" s="61"/>
      <c r="SKJ23" s="62"/>
      <c r="SKK23" s="56"/>
      <c r="SKL23" s="61"/>
      <c r="SKM23" s="61"/>
      <c r="SKN23" s="61"/>
      <c r="SKO23" s="61"/>
      <c r="SKP23" s="62"/>
      <c r="SKQ23" s="56"/>
      <c r="SKR23" s="61"/>
      <c r="SKS23" s="61"/>
      <c r="SKT23" s="61"/>
      <c r="SKU23" s="61"/>
      <c r="SKV23" s="62"/>
      <c r="SKW23" s="56"/>
      <c r="SKX23" s="61"/>
      <c r="SKY23" s="61"/>
      <c r="SKZ23" s="61"/>
      <c r="SLA23" s="61"/>
      <c r="SLB23" s="62"/>
      <c r="SLC23" s="56"/>
      <c r="SLD23" s="61"/>
      <c r="SLE23" s="61"/>
      <c r="SLF23" s="61"/>
      <c r="SLG23" s="61"/>
      <c r="SLH23" s="62"/>
      <c r="SLI23" s="56"/>
      <c r="SLJ23" s="61"/>
      <c r="SLK23" s="61"/>
      <c r="SLL23" s="61"/>
      <c r="SLM23" s="61"/>
      <c r="SLN23" s="62"/>
      <c r="SLO23" s="56"/>
      <c r="SLP23" s="61"/>
      <c r="SLQ23" s="61"/>
      <c r="SLR23" s="61"/>
      <c r="SLS23" s="61"/>
      <c r="SLT23" s="62"/>
      <c r="SLU23" s="56"/>
      <c r="SLV23" s="61"/>
      <c r="SLW23" s="61"/>
      <c r="SLX23" s="61"/>
      <c r="SLY23" s="61"/>
      <c r="SLZ23" s="62"/>
      <c r="SMA23" s="56"/>
      <c r="SMB23" s="61"/>
      <c r="SMC23" s="61"/>
      <c r="SMD23" s="61"/>
      <c r="SME23" s="61"/>
      <c r="SMF23" s="62"/>
      <c r="SMG23" s="56"/>
      <c r="SMH23" s="61"/>
      <c r="SMI23" s="61"/>
      <c r="SMJ23" s="61"/>
      <c r="SMK23" s="61"/>
      <c r="SML23" s="62"/>
      <c r="SMM23" s="56"/>
      <c r="SMN23" s="61"/>
      <c r="SMO23" s="61"/>
      <c r="SMP23" s="61"/>
      <c r="SMQ23" s="61"/>
      <c r="SMR23" s="62"/>
      <c r="SMS23" s="56"/>
      <c r="SMT23" s="61"/>
      <c r="SMU23" s="61"/>
      <c r="SMV23" s="61"/>
      <c r="SMW23" s="61"/>
      <c r="SMX23" s="62"/>
      <c r="SMY23" s="56"/>
      <c r="SMZ23" s="61"/>
      <c r="SNA23" s="61"/>
      <c r="SNB23" s="61"/>
      <c r="SNC23" s="61"/>
      <c r="SND23" s="62"/>
      <c r="SNE23" s="56"/>
      <c r="SNF23" s="61"/>
      <c r="SNG23" s="61"/>
      <c r="SNH23" s="61"/>
      <c r="SNI23" s="61"/>
      <c r="SNJ23" s="62"/>
      <c r="SNK23" s="56"/>
      <c r="SNL23" s="61"/>
      <c r="SNM23" s="61"/>
      <c r="SNN23" s="61"/>
      <c r="SNO23" s="61"/>
      <c r="SNP23" s="62"/>
      <c r="SNQ23" s="56"/>
      <c r="SNR23" s="61"/>
      <c r="SNS23" s="61"/>
      <c r="SNT23" s="61"/>
      <c r="SNU23" s="61"/>
      <c r="SNV23" s="62"/>
      <c r="SNW23" s="56"/>
      <c r="SNX23" s="61"/>
      <c r="SNY23" s="61"/>
      <c r="SNZ23" s="61"/>
      <c r="SOA23" s="61"/>
      <c r="SOB23" s="62"/>
      <c r="SOC23" s="56"/>
      <c r="SOD23" s="61"/>
      <c r="SOE23" s="61"/>
      <c r="SOF23" s="61"/>
      <c r="SOG23" s="61"/>
      <c r="SOH23" s="62"/>
      <c r="SOI23" s="56"/>
      <c r="SOJ23" s="61"/>
      <c r="SOK23" s="61"/>
      <c r="SOL23" s="61"/>
      <c r="SOM23" s="61"/>
      <c r="SON23" s="62"/>
      <c r="SOO23" s="56"/>
      <c r="SOP23" s="61"/>
      <c r="SOQ23" s="61"/>
      <c r="SOR23" s="61"/>
      <c r="SOS23" s="61"/>
      <c r="SOT23" s="62"/>
      <c r="SOU23" s="56"/>
      <c r="SOV23" s="61"/>
      <c r="SOW23" s="61"/>
      <c r="SOX23" s="61"/>
      <c r="SOY23" s="61"/>
      <c r="SOZ23" s="62"/>
      <c r="SPA23" s="56"/>
      <c r="SPB23" s="61"/>
      <c r="SPC23" s="61"/>
      <c r="SPD23" s="61"/>
      <c r="SPE23" s="61"/>
      <c r="SPF23" s="62"/>
      <c r="SPG23" s="56"/>
      <c r="SPH23" s="61"/>
      <c r="SPI23" s="61"/>
      <c r="SPJ23" s="61"/>
      <c r="SPK23" s="61"/>
      <c r="SPL23" s="62"/>
      <c r="SPM23" s="56"/>
      <c r="SPN23" s="61"/>
      <c r="SPO23" s="61"/>
      <c r="SPP23" s="61"/>
      <c r="SPQ23" s="61"/>
      <c r="SPR23" s="62"/>
      <c r="SPS23" s="56"/>
      <c r="SPT23" s="61"/>
      <c r="SPU23" s="61"/>
      <c r="SPV23" s="61"/>
      <c r="SPW23" s="61"/>
      <c r="SPX23" s="62"/>
      <c r="SPY23" s="56"/>
      <c r="SPZ23" s="61"/>
      <c r="SQA23" s="61"/>
      <c r="SQB23" s="61"/>
      <c r="SQC23" s="61"/>
      <c r="SQD23" s="62"/>
      <c r="SQE23" s="56"/>
      <c r="SQF23" s="61"/>
      <c r="SQG23" s="61"/>
      <c r="SQH23" s="61"/>
      <c r="SQI23" s="61"/>
      <c r="SQJ23" s="62"/>
      <c r="SQK23" s="56"/>
      <c r="SQL23" s="61"/>
      <c r="SQM23" s="61"/>
      <c r="SQN23" s="61"/>
      <c r="SQO23" s="61"/>
      <c r="SQP23" s="62"/>
      <c r="SQQ23" s="56"/>
      <c r="SQR23" s="61"/>
      <c r="SQS23" s="61"/>
      <c r="SQT23" s="61"/>
      <c r="SQU23" s="61"/>
      <c r="SQV23" s="62"/>
      <c r="SQW23" s="56"/>
      <c r="SQX23" s="61"/>
      <c r="SQY23" s="61"/>
      <c r="SQZ23" s="61"/>
      <c r="SRA23" s="61"/>
      <c r="SRB23" s="62"/>
      <c r="SRC23" s="56"/>
      <c r="SRD23" s="61"/>
      <c r="SRE23" s="61"/>
      <c r="SRF23" s="61"/>
      <c r="SRG23" s="61"/>
      <c r="SRH23" s="62"/>
      <c r="SRI23" s="56"/>
      <c r="SRJ23" s="61"/>
      <c r="SRK23" s="61"/>
      <c r="SRL23" s="61"/>
      <c r="SRM23" s="61"/>
      <c r="SRN23" s="62"/>
      <c r="SRO23" s="56"/>
      <c r="SRP23" s="61"/>
      <c r="SRQ23" s="61"/>
      <c r="SRR23" s="61"/>
      <c r="SRS23" s="61"/>
      <c r="SRT23" s="62"/>
      <c r="SRU23" s="56"/>
      <c r="SRV23" s="61"/>
      <c r="SRW23" s="61"/>
      <c r="SRX23" s="61"/>
      <c r="SRY23" s="61"/>
      <c r="SRZ23" s="62"/>
      <c r="SSA23" s="56"/>
      <c r="SSB23" s="61"/>
      <c r="SSC23" s="61"/>
      <c r="SSD23" s="61"/>
      <c r="SSE23" s="61"/>
      <c r="SSF23" s="62"/>
      <c r="SSG23" s="56"/>
      <c r="SSH23" s="61"/>
      <c r="SSI23" s="61"/>
      <c r="SSJ23" s="61"/>
      <c r="SSK23" s="61"/>
      <c r="SSL23" s="62"/>
      <c r="SSM23" s="56"/>
      <c r="SSN23" s="61"/>
      <c r="SSO23" s="61"/>
      <c r="SSP23" s="61"/>
      <c r="SSQ23" s="61"/>
      <c r="SSR23" s="62"/>
      <c r="SSS23" s="56"/>
      <c r="SST23" s="61"/>
      <c r="SSU23" s="61"/>
      <c r="SSV23" s="61"/>
      <c r="SSW23" s="61"/>
      <c r="SSX23" s="62"/>
      <c r="SSY23" s="56"/>
      <c r="SSZ23" s="61"/>
      <c r="STA23" s="61"/>
      <c r="STB23" s="61"/>
      <c r="STC23" s="61"/>
      <c r="STD23" s="62"/>
      <c r="STE23" s="56"/>
      <c r="STF23" s="61"/>
      <c r="STG23" s="61"/>
      <c r="STH23" s="61"/>
      <c r="STI23" s="61"/>
      <c r="STJ23" s="62"/>
      <c r="STK23" s="56"/>
      <c r="STL23" s="61"/>
      <c r="STM23" s="61"/>
      <c r="STN23" s="61"/>
      <c r="STO23" s="61"/>
      <c r="STP23" s="62"/>
      <c r="STQ23" s="56"/>
      <c r="STR23" s="61"/>
      <c r="STS23" s="61"/>
      <c r="STT23" s="61"/>
      <c r="STU23" s="61"/>
      <c r="STV23" s="62"/>
      <c r="STW23" s="56"/>
      <c r="STX23" s="61"/>
      <c r="STY23" s="61"/>
      <c r="STZ23" s="61"/>
      <c r="SUA23" s="61"/>
      <c r="SUB23" s="62"/>
      <c r="SUC23" s="56"/>
      <c r="SUD23" s="61"/>
      <c r="SUE23" s="61"/>
      <c r="SUF23" s="61"/>
      <c r="SUG23" s="61"/>
      <c r="SUH23" s="62"/>
      <c r="SUI23" s="56"/>
      <c r="SUJ23" s="61"/>
      <c r="SUK23" s="61"/>
      <c r="SUL23" s="61"/>
      <c r="SUM23" s="61"/>
      <c r="SUN23" s="62"/>
      <c r="SUO23" s="56"/>
      <c r="SUP23" s="61"/>
      <c r="SUQ23" s="61"/>
      <c r="SUR23" s="61"/>
      <c r="SUS23" s="61"/>
      <c r="SUT23" s="62"/>
      <c r="SUU23" s="56"/>
      <c r="SUV23" s="61"/>
      <c r="SUW23" s="61"/>
      <c r="SUX23" s="61"/>
      <c r="SUY23" s="61"/>
      <c r="SUZ23" s="62"/>
      <c r="SVA23" s="56"/>
      <c r="SVB23" s="61"/>
      <c r="SVC23" s="61"/>
      <c r="SVD23" s="61"/>
      <c r="SVE23" s="61"/>
      <c r="SVF23" s="62"/>
      <c r="SVG23" s="56"/>
      <c r="SVH23" s="61"/>
      <c r="SVI23" s="61"/>
      <c r="SVJ23" s="61"/>
      <c r="SVK23" s="61"/>
      <c r="SVL23" s="62"/>
      <c r="SVM23" s="56"/>
      <c r="SVN23" s="61"/>
      <c r="SVO23" s="61"/>
      <c r="SVP23" s="61"/>
      <c r="SVQ23" s="61"/>
      <c r="SVR23" s="62"/>
      <c r="SVS23" s="56"/>
      <c r="SVT23" s="61"/>
      <c r="SVU23" s="61"/>
      <c r="SVV23" s="61"/>
      <c r="SVW23" s="61"/>
      <c r="SVX23" s="62"/>
      <c r="SVY23" s="56"/>
      <c r="SVZ23" s="61"/>
      <c r="SWA23" s="61"/>
      <c r="SWB23" s="61"/>
      <c r="SWC23" s="61"/>
      <c r="SWD23" s="62"/>
      <c r="SWE23" s="56"/>
      <c r="SWF23" s="61"/>
      <c r="SWG23" s="61"/>
      <c r="SWH23" s="61"/>
      <c r="SWI23" s="61"/>
      <c r="SWJ23" s="62"/>
      <c r="SWK23" s="56"/>
      <c r="SWL23" s="61"/>
      <c r="SWM23" s="61"/>
      <c r="SWN23" s="61"/>
      <c r="SWO23" s="61"/>
      <c r="SWP23" s="62"/>
      <c r="SWQ23" s="56"/>
      <c r="SWR23" s="61"/>
      <c r="SWS23" s="61"/>
      <c r="SWT23" s="61"/>
      <c r="SWU23" s="61"/>
      <c r="SWV23" s="62"/>
      <c r="SWW23" s="56"/>
      <c r="SWX23" s="61"/>
      <c r="SWY23" s="61"/>
      <c r="SWZ23" s="61"/>
      <c r="SXA23" s="61"/>
      <c r="SXB23" s="62"/>
      <c r="SXC23" s="56"/>
      <c r="SXD23" s="61"/>
      <c r="SXE23" s="61"/>
      <c r="SXF23" s="61"/>
      <c r="SXG23" s="61"/>
      <c r="SXH23" s="62"/>
      <c r="SXI23" s="56"/>
      <c r="SXJ23" s="61"/>
      <c r="SXK23" s="61"/>
      <c r="SXL23" s="61"/>
      <c r="SXM23" s="61"/>
      <c r="SXN23" s="62"/>
      <c r="SXO23" s="56"/>
      <c r="SXP23" s="61"/>
      <c r="SXQ23" s="61"/>
      <c r="SXR23" s="61"/>
      <c r="SXS23" s="61"/>
      <c r="SXT23" s="62"/>
      <c r="SXU23" s="56"/>
      <c r="SXV23" s="61"/>
      <c r="SXW23" s="61"/>
      <c r="SXX23" s="61"/>
      <c r="SXY23" s="61"/>
      <c r="SXZ23" s="62"/>
      <c r="SYA23" s="56"/>
      <c r="SYB23" s="61"/>
      <c r="SYC23" s="61"/>
      <c r="SYD23" s="61"/>
      <c r="SYE23" s="61"/>
      <c r="SYF23" s="62"/>
      <c r="SYG23" s="56"/>
      <c r="SYH23" s="61"/>
      <c r="SYI23" s="61"/>
      <c r="SYJ23" s="61"/>
      <c r="SYK23" s="61"/>
      <c r="SYL23" s="62"/>
      <c r="SYM23" s="56"/>
      <c r="SYN23" s="61"/>
      <c r="SYO23" s="61"/>
      <c r="SYP23" s="61"/>
      <c r="SYQ23" s="61"/>
      <c r="SYR23" s="62"/>
      <c r="SYS23" s="56"/>
      <c r="SYT23" s="61"/>
      <c r="SYU23" s="61"/>
      <c r="SYV23" s="61"/>
      <c r="SYW23" s="61"/>
      <c r="SYX23" s="62"/>
      <c r="SYY23" s="56"/>
      <c r="SYZ23" s="61"/>
      <c r="SZA23" s="61"/>
      <c r="SZB23" s="61"/>
      <c r="SZC23" s="61"/>
      <c r="SZD23" s="62"/>
      <c r="SZE23" s="56"/>
      <c r="SZF23" s="61"/>
      <c r="SZG23" s="61"/>
      <c r="SZH23" s="61"/>
      <c r="SZI23" s="61"/>
      <c r="SZJ23" s="62"/>
      <c r="SZK23" s="56"/>
      <c r="SZL23" s="61"/>
      <c r="SZM23" s="61"/>
      <c r="SZN23" s="61"/>
      <c r="SZO23" s="61"/>
      <c r="SZP23" s="62"/>
      <c r="SZQ23" s="56"/>
      <c r="SZR23" s="61"/>
      <c r="SZS23" s="61"/>
      <c r="SZT23" s="61"/>
      <c r="SZU23" s="61"/>
      <c r="SZV23" s="62"/>
      <c r="SZW23" s="56"/>
      <c r="SZX23" s="61"/>
      <c r="SZY23" s="61"/>
      <c r="SZZ23" s="61"/>
      <c r="TAA23" s="61"/>
      <c r="TAB23" s="62"/>
      <c r="TAC23" s="56"/>
      <c r="TAD23" s="61"/>
      <c r="TAE23" s="61"/>
      <c r="TAF23" s="61"/>
      <c r="TAG23" s="61"/>
      <c r="TAH23" s="62"/>
      <c r="TAI23" s="56"/>
      <c r="TAJ23" s="61"/>
      <c r="TAK23" s="61"/>
      <c r="TAL23" s="61"/>
      <c r="TAM23" s="61"/>
      <c r="TAN23" s="62"/>
      <c r="TAO23" s="56"/>
      <c r="TAP23" s="61"/>
      <c r="TAQ23" s="61"/>
      <c r="TAR23" s="61"/>
      <c r="TAS23" s="61"/>
      <c r="TAT23" s="62"/>
      <c r="TAU23" s="56"/>
      <c r="TAV23" s="61"/>
      <c r="TAW23" s="61"/>
      <c r="TAX23" s="61"/>
      <c r="TAY23" s="61"/>
      <c r="TAZ23" s="62"/>
      <c r="TBA23" s="56"/>
      <c r="TBB23" s="61"/>
      <c r="TBC23" s="61"/>
      <c r="TBD23" s="61"/>
      <c r="TBE23" s="61"/>
      <c r="TBF23" s="62"/>
      <c r="TBG23" s="56"/>
      <c r="TBH23" s="61"/>
      <c r="TBI23" s="61"/>
      <c r="TBJ23" s="61"/>
      <c r="TBK23" s="61"/>
      <c r="TBL23" s="62"/>
      <c r="TBM23" s="56"/>
      <c r="TBN23" s="61"/>
      <c r="TBO23" s="61"/>
      <c r="TBP23" s="61"/>
      <c r="TBQ23" s="61"/>
      <c r="TBR23" s="62"/>
      <c r="TBS23" s="56"/>
      <c r="TBT23" s="61"/>
      <c r="TBU23" s="61"/>
      <c r="TBV23" s="61"/>
      <c r="TBW23" s="61"/>
      <c r="TBX23" s="62"/>
      <c r="TBY23" s="56"/>
      <c r="TBZ23" s="61"/>
      <c r="TCA23" s="61"/>
      <c r="TCB23" s="61"/>
      <c r="TCC23" s="61"/>
      <c r="TCD23" s="62"/>
      <c r="TCE23" s="56"/>
      <c r="TCF23" s="61"/>
      <c r="TCG23" s="61"/>
      <c r="TCH23" s="61"/>
      <c r="TCI23" s="61"/>
      <c r="TCJ23" s="62"/>
      <c r="TCK23" s="56"/>
      <c r="TCL23" s="61"/>
      <c r="TCM23" s="61"/>
      <c r="TCN23" s="61"/>
      <c r="TCO23" s="61"/>
      <c r="TCP23" s="62"/>
      <c r="TCQ23" s="56"/>
      <c r="TCR23" s="61"/>
      <c r="TCS23" s="61"/>
      <c r="TCT23" s="61"/>
      <c r="TCU23" s="61"/>
      <c r="TCV23" s="62"/>
      <c r="TCW23" s="56"/>
      <c r="TCX23" s="61"/>
      <c r="TCY23" s="61"/>
      <c r="TCZ23" s="61"/>
      <c r="TDA23" s="61"/>
      <c r="TDB23" s="62"/>
      <c r="TDC23" s="56"/>
      <c r="TDD23" s="61"/>
      <c r="TDE23" s="61"/>
      <c r="TDF23" s="61"/>
      <c r="TDG23" s="61"/>
      <c r="TDH23" s="62"/>
      <c r="TDI23" s="56"/>
      <c r="TDJ23" s="61"/>
      <c r="TDK23" s="61"/>
      <c r="TDL23" s="61"/>
      <c r="TDM23" s="61"/>
      <c r="TDN23" s="62"/>
      <c r="TDO23" s="56"/>
      <c r="TDP23" s="61"/>
      <c r="TDQ23" s="61"/>
      <c r="TDR23" s="61"/>
      <c r="TDS23" s="61"/>
      <c r="TDT23" s="62"/>
      <c r="TDU23" s="56"/>
      <c r="TDV23" s="61"/>
      <c r="TDW23" s="61"/>
      <c r="TDX23" s="61"/>
      <c r="TDY23" s="61"/>
      <c r="TDZ23" s="62"/>
      <c r="TEA23" s="56"/>
      <c r="TEB23" s="61"/>
      <c r="TEC23" s="61"/>
      <c r="TED23" s="61"/>
      <c r="TEE23" s="61"/>
      <c r="TEF23" s="62"/>
      <c r="TEG23" s="56"/>
      <c r="TEH23" s="61"/>
      <c r="TEI23" s="61"/>
      <c r="TEJ23" s="61"/>
      <c r="TEK23" s="61"/>
      <c r="TEL23" s="62"/>
      <c r="TEM23" s="56"/>
      <c r="TEN23" s="61"/>
      <c r="TEO23" s="61"/>
      <c r="TEP23" s="61"/>
      <c r="TEQ23" s="61"/>
      <c r="TER23" s="62"/>
      <c r="TES23" s="56"/>
      <c r="TET23" s="61"/>
      <c r="TEU23" s="61"/>
      <c r="TEV23" s="61"/>
      <c r="TEW23" s="61"/>
      <c r="TEX23" s="62"/>
      <c r="TEY23" s="56"/>
      <c r="TEZ23" s="61"/>
      <c r="TFA23" s="61"/>
      <c r="TFB23" s="61"/>
      <c r="TFC23" s="61"/>
      <c r="TFD23" s="62"/>
      <c r="TFE23" s="56"/>
      <c r="TFF23" s="61"/>
      <c r="TFG23" s="61"/>
      <c r="TFH23" s="61"/>
      <c r="TFI23" s="61"/>
      <c r="TFJ23" s="62"/>
      <c r="TFK23" s="56"/>
      <c r="TFL23" s="61"/>
      <c r="TFM23" s="61"/>
      <c r="TFN23" s="61"/>
      <c r="TFO23" s="61"/>
      <c r="TFP23" s="62"/>
      <c r="TFQ23" s="56"/>
      <c r="TFR23" s="61"/>
      <c r="TFS23" s="61"/>
      <c r="TFT23" s="61"/>
      <c r="TFU23" s="61"/>
      <c r="TFV23" s="62"/>
      <c r="TFW23" s="56"/>
      <c r="TFX23" s="61"/>
      <c r="TFY23" s="61"/>
      <c r="TFZ23" s="61"/>
      <c r="TGA23" s="61"/>
      <c r="TGB23" s="62"/>
      <c r="TGC23" s="56"/>
      <c r="TGD23" s="61"/>
      <c r="TGE23" s="61"/>
      <c r="TGF23" s="61"/>
      <c r="TGG23" s="61"/>
      <c r="TGH23" s="62"/>
      <c r="TGI23" s="56"/>
      <c r="TGJ23" s="61"/>
      <c r="TGK23" s="61"/>
      <c r="TGL23" s="61"/>
      <c r="TGM23" s="61"/>
      <c r="TGN23" s="62"/>
      <c r="TGO23" s="56"/>
      <c r="TGP23" s="61"/>
      <c r="TGQ23" s="61"/>
      <c r="TGR23" s="61"/>
      <c r="TGS23" s="61"/>
      <c r="TGT23" s="62"/>
      <c r="TGU23" s="56"/>
      <c r="TGV23" s="61"/>
      <c r="TGW23" s="61"/>
      <c r="TGX23" s="61"/>
      <c r="TGY23" s="61"/>
      <c r="TGZ23" s="62"/>
      <c r="THA23" s="56"/>
      <c r="THB23" s="61"/>
      <c r="THC23" s="61"/>
      <c r="THD23" s="61"/>
      <c r="THE23" s="61"/>
      <c r="THF23" s="62"/>
      <c r="THG23" s="56"/>
      <c r="THH23" s="61"/>
      <c r="THI23" s="61"/>
      <c r="THJ23" s="61"/>
      <c r="THK23" s="61"/>
      <c r="THL23" s="62"/>
      <c r="THM23" s="56"/>
      <c r="THN23" s="61"/>
      <c r="THO23" s="61"/>
      <c r="THP23" s="61"/>
      <c r="THQ23" s="61"/>
      <c r="THR23" s="62"/>
      <c r="THS23" s="56"/>
      <c r="THT23" s="61"/>
      <c r="THU23" s="61"/>
      <c r="THV23" s="61"/>
      <c r="THW23" s="61"/>
      <c r="THX23" s="62"/>
      <c r="THY23" s="56"/>
      <c r="THZ23" s="61"/>
      <c r="TIA23" s="61"/>
      <c r="TIB23" s="61"/>
      <c r="TIC23" s="61"/>
      <c r="TID23" s="62"/>
      <c r="TIE23" s="56"/>
      <c r="TIF23" s="61"/>
      <c r="TIG23" s="61"/>
      <c r="TIH23" s="61"/>
      <c r="TII23" s="61"/>
      <c r="TIJ23" s="62"/>
      <c r="TIK23" s="56"/>
      <c r="TIL23" s="61"/>
      <c r="TIM23" s="61"/>
      <c r="TIN23" s="61"/>
      <c r="TIO23" s="61"/>
      <c r="TIP23" s="62"/>
      <c r="TIQ23" s="56"/>
      <c r="TIR23" s="61"/>
      <c r="TIS23" s="61"/>
      <c r="TIT23" s="61"/>
      <c r="TIU23" s="61"/>
      <c r="TIV23" s="62"/>
      <c r="TIW23" s="56"/>
      <c r="TIX23" s="61"/>
      <c r="TIY23" s="61"/>
      <c r="TIZ23" s="61"/>
      <c r="TJA23" s="61"/>
      <c r="TJB23" s="62"/>
      <c r="TJC23" s="56"/>
      <c r="TJD23" s="61"/>
      <c r="TJE23" s="61"/>
      <c r="TJF23" s="61"/>
      <c r="TJG23" s="61"/>
      <c r="TJH23" s="62"/>
      <c r="TJI23" s="56"/>
      <c r="TJJ23" s="61"/>
      <c r="TJK23" s="61"/>
      <c r="TJL23" s="61"/>
      <c r="TJM23" s="61"/>
      <c r="TJN23" s="62"/>
      <c r="TJO23" s="56"/>
      <c r="TJP23" s="61"/>
      <c r="TJQ23" s="61"/>
      <c r="TJR23" s="61"/>
      <c r="TJS23" s="61"/>
      <c r="TJT23" s="62"/>
      <c r="TJU23" s="56"/>
      <c r="TJV23" s="61"/>
      <c r="TJW23" s="61"/>
      <c r="TJX23" s="61"/>
      <c r="TJY23" s="61"/>
      <c r="TJZ23" s="62"/>
      <c r="TKA23" s="56"/>
      <c r="TKB23" s="61"/>
      <c r="TKC23" s="61"/>
      <c r="TKD23" s="61"/>
      <c r="TKE23" s="61"/>
      <c r="TKF23" s="62"/>
      <c r="TKG23" s="56"/>
      <c r="TKH23" s="61"/>
      <c r="TKI23" s="61"/>
      <c r="TKJ23" s="61"/>
      <c r="TKK23" s="61"/>
      <c r="TKL23" s="62"/>
      <c r="TKM23" s="56"/>
      <c r="TKN23" s="61"/>
      <c r="TKO23" s="61"/>
      <c r="TKP23" s="61"/>
      <c r="TKQ23" s="61"/>
      <c r="TKR23" s="62"/>
      <c r="TKS23" s="56"/>
      <c r="TKT23" s="61"/>
      <c r="TKU23" s="61"/>
      <c r="TKV23" s="61"/>
      <c r="TKW23" s="61"/>
      <c r="TKX23" s="62"/>
      <c r="TKY23" s="56"/>
      <c r="TKZ23" s="61"/>
      <c r="TLA23" s="61"/>
      <c r="TLB23" s="61"/>
      <c r="TLC23" s="61"/>
      <c r="TLD23" s="62"/>
      <c r="TLE23" s="56"/>
      <c r="TLF23" s="61"/>
      <c r="TLG23" s="61"/>
      <c r="TLH23" s="61"/>
      <c r="TLI23" s="61"/>
      <c r="TLJ23" s="62"/>
      <c r="TLK23" s="56"/>
      <c r="TLL23" s="61"/>
      <c r="TLM23" s="61"/>
      <c r="TLN23" s="61"/>
      <c r="TLO23" s="61"/>
      <c r="TLP23" s="62"/>
      <c r="TLQ23" s="56"/>
      <c r="TLR23" s="61"/>
      <c r="TLS23" s="61"/>
      <c r="TLT23" s="61"/>
      <c r="TLU23" s="61"/>
      <c r="TLV23" s="62"/>
      <c r="TLW23" s="56"/>
      <c r="TLX23" s="61"/>
      <c r="TLY23" s="61"/>
      <c r="TLZ23" s="61"/>
      <c r="TMA23" s="61"/>
      <c r="TMB23" s="62"/>
      <c r="TMC23" s="56"/>
      <c r="TMD23" s="61"/>
      <c r="TME23" s="61"/>
      <c r="TMF23" s="61"/>
      <c r="TMG23" s="61"/>
      <c r="TMH23" s="62"/>
      <c r="TMI23" s="56"/>
      <c r="TMJ23" s="61"/>
      <c r="TMK23" s="61"/>
      <c r="TML23" s="61"/>
      <c r="TMM23" s="61"/>
      <c r="TMN23" s="62"/>
      <c r="TMO23" s="56"/>
      <c r="TMP23" s="61"/>
      <c r="TMQ23" s="61"/>
      <c r="TMR23" s="61"/>
      <c r="TMS23" s="61"/>
      <c r="TMT23" s="62"/>
      <c r="TMU23" s="56"/>
      <c r="TMV23" s="61"/>
      <c r="TMW23" s="61"/>
      <c r="TMX23" s="61"/>
      <c r="TMY23" s="61"/>
      <c r="TMZ23" s="62"/>
      <c r="TNA23" s="56"/>
      <c r="TNB23" s="61"/>
      <c r="TNC23" s="61"/>
      <c r="TND23" s="61"/>
      <c r="TNE23" s="61"/>
      <c r="TNF23" s="62"/>
      <c r="TNG23" s="56"/>
      <c r="TNH23" s="61"/>
      <c r="TNI23" s="61"/>
      <c r="TNJ23" s="61"/>
      <c r="TNK23" s="61"/>
      <c r="TNL23" s="62"/>
      <c r="TNM23" s="56"/>
      <c r="TNN23" s="61"/>
      <c r="TNO23" s="61"/>
      <c r="TNP23" s="61"/>
      <c r="TNQ23" s="61"/>
      <c r="TNR23" s="62"/>
      <c r="TNS23" s="56"/>
      <c r="TNT23" s="61"/>
      <c r="TNU23" s="61"/>
      <c r="TNV23" s="61"/>
      <c r="TNW23" s="61"/>
      <c r="TNX23" s="62"/>
      <c r="TNY23" s="56"/>
      <c r="TNZ23" s="61"/>
      <c r="TOA23" s="61"/>
      <c r="TOB23" s="61"/>
      <c r="TOC23" s="61"/>
      <c r="TOD23" s="62"/>
      <c r="TOE23" s="56"/>
      <c r="TOF23" s="61"/>
      <c r="TOG23" s="61"/>
      <c r="TOH23" s="61"/>
      <c r="TOI23" s="61"/>
      <c r="TOJ23" s="62"/>
      <c r="TOK23" s="56"/>
      <c r="TOL23" s="61"/>
      <c r="TOM23" s="61"/>
      <c r="TON23" s="61"/>
      <c r="TOO23" s="61"/>
      <c r="TOP23" s="62"/>
      <c r="TOQ23" s="56"/>
      <c r="TOR23" s="61"/>
      <c r="TOS23" s="61"/>
      <c r="TOT23" s="61"/>
      <c r="TOU23" s="61"/>
      <c r="TOV23" s="62"/>
      <c r="TOW23" s="56"/>
      <c r="TOX23" s="61"/>
      <c r="TOY23" s="61"/>
      <c r="TOZ23" s="61"/>
      <c r="TPA23" s="61"/>
      <c r="TPB23" s="62"/>
      <c r="TPC23" s="56"/>
      <c r="TPD23" s="61"/>
      <c r="TPE23" s="61"/>
      <c r="TPF23" s="61"/>
      <c r="TPG23" s="61"/>
      <c r="TPH23" s="62"/>
      <c r="TPI23" s="56"/>
      <c r="TPJ23" s="61"/>
      <c r="TPK23" s="61"/>
      <c r="TPL23" s="61"/>
      <c r="TPM23" s="61"/>
      <c r="TPN23" s="62"/>
      <c r="TPO23" s="56"/>
      <c r="TPP23" s="61"/>
      <c r="TPQ23" s="61"/>
      <c r="TPR23" s="61"/>
      <c r="TPS23" s="61"/>
      <c r="TPT23" s="62"/>
      <c r="TPU23" s="56"/>
      <c r="TPV23" s="61"/>
      <c r="TPW23" s="61"/>
      <c r="TPX23" s="61"/>
      <c r="TPY23" s="61"/>
      <c r="TPZ23" s="62"/>
      <c r="TQA23" s="56"/>
      <c r="TQB23" s="61"/>
      <c r="TQC23" s="61"/>
      <c r="TQD23" s="61"/>
      <c r="TQE23" s="61"/>
      <c r="TQF23" s="62"/>
      <c r="TQG23" s="56"/>
      <c r="TQH23" s="61"/>
      <c r="TQI23" s="61"/>
      <c r="TQJ23" s="61"/>
      <c r="TQK23" s="61"/>
      <c r="TQL23" s="62"/>
      <c r="TQM23" s="56"/>
      <c r="TQN23" s="61"/>
      <c r="TQO23" s="61"/>
      <c r="TQP23" s="61"/>
      <c r="TQQ23" s="61"/>
      <c r="TQR23" s="62"/>
      <c r="TQS23" s="56"/>
      <c r="TQT23" s="61"/>
      <c r="TQU23" s="61"/>
      <c r="TQV23" s="61"/>
      <c r="TQW23" s="61"/>
      <c r="TQX23" s="62"/>
      <c r="TQY23" s="56"/>
      <c r="TQZ23" s="61"/>
      <c r="TRA23" s="61"/>
      <c r="TRB23" s="61"/>
      <c r="TRC23" s="61"/>
      <c r="TRD23" s="62"/>
      <c r="TRE23" s="56"/>
      <c r="TRF23" s="61"/>
      <c r="TRG23" s="61"/>
      <c r="TRH23" s="61"/>
      <c r="TRI23" s="61"/>
      <c r="TRJ23" s="62"/>
      <c r="TRK23" s="56"/>
      <c r="TRL23" s="61"/>
      <c r="TRM23" s="61"/>
      <c r="TRN23" s="61"/>
      <c r="TRO23" s="61"/>
      <c r="TRP23" s="62"/>
      <c r="TRQ23" s="56"/>
      <c r="TRR23" s="61"/>
      <c r="TRS23" s="61"/>
      <c r="TRT23" s="61"/>
      <c r="TRU23" s="61"/>
      <c r="TRV23" s="62"/>
      <c r="TRW23" s="56"/>
      <c r="TRX23" s="61"/>
      <c r="TRY23" s="61"/>
      <c r="TRZ23" s="61"/>
      <c r="TSA23" s="61"/>
      <c r="TSB23" s="62"/>
      <c r="TSC23" s="56"/>
      <c r="TSD23" s="61"/>
      <c r="TSE23" s="61"/>
      <c r="TSF23" s="61"/>
      <c r="TSG23" s="61"/>
      <c r="TSH23" s="62"/>
      <c r="TSI23" s="56"/>
      <c r="TSJ23" s="61"/>
      <c r="TSK23" s="61"/>
      <c r="TSL23" s="61"/>
      <c r="TSM23" s="61"/>
      <c r="TSN23" s="62"/>
      <c r="TSO23" s="56"/>
      <c r="TSP23" s="61"/>
      <c r="TSQ23" s="61"/>
      <c r="TSR23" s="61"/>
      <c r="TSS23" s="61"/>
      <c r="TST23" s="62"/>
      <c r="TSU23" s="56"/>
      <c r="TSV23" s="61"/>
      <c r="TSW23" s="61"/>
      <c r="TSX23" s="61"/>
      <c r="TSY23" s="61"/>
      <c r="TSZ23" s="62"/>
      <c r="TTA23" s="56"/>
      <c r="TTB23" s="61"/>
      <c r="TTC23" s="61"/>
      <c r="TTD23" s="61"/>
      <c r="TTE23" s="61"/>
      <c r="TTF23" s="62"/>
      <c r="TTG23" s="56"/>
      <c r="TTH23" s="61"/>
      <c r="TTI23" s="61"/>
      <c r="TTJ23" s="61"/>
      <c r="TTK23" s="61"/>
      <c r="TTL23" s="62"/>
      <c r="TTM23" s="56"/>
      <c r="TTN23" s="61"/>
      <c r="TTO23" s="61"/>
      <c r="TTP23" s="61"/>
      <c r="TTQ23" s="61"/>
      <c r="TTR23" s="62"/>
      <c r="TTS23" s="56"/>
      <c r="TTT23" s="61"/>
      <c r="TTU23" s="61"/>
      <c r="TTV23" s="61"/>
      <c r="TTW23" s="61"/>
      <c r="TTX23" s="62"/>
      <c r="TTY23" s="56"/>
      <c r="TTZ23" s="61"/>
      <c r="TUA23" s="61"/>
      <c r="TUB23" s="61"/>
      <c r="TUC23" s="61"/>
      <c r="TUD23" s="62"/>
      <c r="TUE23" s="56"/>
      <c r="TUF23" s="61"/>
      <c r="TUG23" s="61"/>
      <c r="TUH23" s="61"/>
      <c r="TUI23" s="61"/>
      <c r="TUJ23" s="62"/>
      <c r="TUK23" s="56"/>
      <c r="TUL23" s="61"/>
      <c r="TUM23" s="61"/>
      <c r="TUN23" s="61"/>
      <c r="TUO23" s="61"/>
      <c r="TUP23" s="62"/>
      <c r="TUQ23" s="56"/>
      <c r="TUR23" s="61"/>
      <c r="TUS23" s="61"/>
      <c r="TUT23" s="61"/>
      <c r="TUU23" s="61"/>
      <c r="TUV23" s="62"/>
      <c r="TUW23" s="56"/>
      <c r="TUX23" s="61"/>
      <c r="TUY23" s="61"/>
      <c r="TUZ23" s="61"/>
      <c r="TVA23" s="61"/>
      <c r="TVB23" s="62"/>
      <c r="TVC23" s="56"/>
      <c r="TVD23" s="61"/>
      <c r="TVE23" s="61"/>
      <c r="TVF23" s="61"/>
      <c r="TVG23" s="61"/>
      <c r="TVH23" s="62"/>
      <c r="TVI23" s="56"/>
      <c r="TVJ23" s="61"/>
      <c r="TVK23" s="61"/>
      <c r="TVL23" s="61"/>
      <c r="TVM23" s="61"/>
      <c r="TVN23" s="62"/>
      <c r="TVO23" s="56"/>
      <c r="TVP23" s="61"/>
      <c r="TVQ23" s="61"/>
      <c r="TVR23" s="61"/>
      <c r="TVS23" s="61"/>
      <c r="TVT23" s="62"/>
      <c r="TVU23" s="56"/>
      <c r="TVV23" s="61"/>
      <c r="TVW23" s="61"/>
      <c r="TVX23" s="61"/>
      <c r="TVY23" s="61"/>
      <c r="TVZ23" s="62"/>
      <c r="TWA23" s="56"/>
      <c r="TWB23" s="61"/>
      <c r="TWC23" s="61"/>
      <c r="TWD23" s="61"/>
      <c r="TWE23" s="61"/>
      <c r="TWF23" s="62"/>
      <c r="TWG23" s="56"/>
      <c r="TWH23" s="61"/>
      <c r="TWI23" s="61"/>
      <c r="TWJ23" s="61"/>
      <c r="TWK23" s="61"/>
      <c r="TWL23" s="62"/>
      <c r="TWM23" s="56"/>
      <c r="TWN23" s="61"/>
      <c r="TWO23" s="61"/>
      <c r="TWP23" s="61"/>
      <c r="TWQ23" s="61"/>
      <c r="TWR23" s="62"/>
      <c r="TWS23" s="56"/>
      <c r="TWT23" s="61"/>
      <c r="TWU23" s="61"/>
      <c r="TWV23" s="61"/>
      <c r="TWW23" s="61"/>
      <c r="TWX23" s="62"/>
      <c r="TWY23" s="56"/>
      <c r="TWZ23" s="61"/>
      <c r="TXA23" s="61"/>
      <c r="TXB23" s="61"/>
      <c r="TXC23" s="61"/>
      <c r="TXD23" s="62"/>
      <c r="TXE23" s="56"/>
      <c r="TXF23" s="61"/>
      <c r="TXG23" s="61"/>
      <c r="TXH23" s="61"/>
      <c r="TXI23" s="61"/>
      <c r="TXJ23" s="62"/>
      <c r="TXK23" s="56"/>
      <c r="TXL23" s="61"/>
      <c r="TXM23" s="61"/>
      <c r="TXN23" s="61"/>
      <c r="TXO23" s="61"/>
      <c r="TXP23" s="62"/>
      <c r="TXQ23" s="56"/>
      <c r="TXR23" s="61"/>
      <c r="TXS23" s="61"/>
      <c r="TXT23" s="61"/>
      <c r="TXU23" s="61"/>
      <c r="TXV23" s="62"/>
      <c r="TXW23" s="56"/>
      <c r="TXX23" s="61"/>
      <c r="TXY23" s="61"/>
      <c r="TXZ23" s="61"/>
      <c r="TYA23" s="61"/>
      <c r="TYB23" s="62"/>
      <c r="TYC23" s="56"/>
      <c r="TYD23" s="61"/>
      <c r="TYE23" s="61"/>
      <c r="TYF23" s="61"/>
      <c r="TYG23" s="61"/>
      <c r="TYH23" s="62"/>
      <c r="TYI23" s="56"/>
      <c r="TYJ23" s="61"/>
      <c r="TYK23" s="61"/>
      <c r="TYL23" s="61"/>
      <c r="TYM23" s="61"/>
      <c r="TYN23" s="62"/>
      <c r="TYO23" s="56"/>
      <c r="TYP23" s="61"/>
      <c r="TYQ23" s="61"/>
      <c r="TYR23" s="61"/>
      <c r="TYS23" s="61"/>
      <c r="TYT23" s="62"/>
      <c r="TYU23" s="56"/>
      <c r="TYV23" s="61"/>
      <c r="TYW23" s="61"/>
      <c r="TYX23" s="61"/>
      <c r="TYY23" s="61"/>
      <c r="TYZ23" s="62"/>
      <c r="TZA23" s="56"/>
      <c r="TZB23" s="61"/>
      <c r="TZC23" s="61"/>
      <c r="TZD23" s="61"/>
      <c r="TZE23" s="61"/>
      <c r="TZF23" s="62"/>
      <c r="TZG23" s="56"/>
      <c r="TZH23" s="61"/>
      <c r="TZI23" s="61"/>
      <c r="TZJ23" s="61"/>
      <c r="TZK23" s="61"/>
      <c r="TZL23" s="62"/>
      <c r="TZM23" s="56"/>
      <c r="TZN23" s="61"/>
      <c r="TZO23" s="61"/>
      <c r="TZP23" s="61"/>
      <c r="TZQ23" s="61"/>
      <c r="TZR23" s="62"/>
      <c r="TZS23" s="56"/>
      <c r="TZT23" s="61"/>
      <c r="TZU23" s="61"/>
      <c r="TZV23" s="61"/>
      <c r="TZW23" s="61"/>
      <c r="TZX23" s="62"/>
      <c r="TZY23" s="56"/>
      <c r="TZZ23" s="61"/>
      <c r="UAA23" s="61"/>
      <c r="UAB23" s="61"/>
      <c r="UAC23" s="61"/>
      <c r="UAD23" s="62"/>
      <c r="UAE23" s="56"/>
      <c r="UAF23" s="61"/>
      <c r="UAG23" s="61"/>
      <c r="UAH23" s="61"/>
      <c r="UAI23" s="61"/>
      <c r="UAJ23" s="62"/>
      <c r="UAK23" s="56"/>
      <c r="UAL23" s="61"/>
      <c r="UAM23" s="61"/>
      <c r="UAN23" s="61"/>
      <c r="UAO23" s="61"/>
      <c r="UAP23" s="62"/>
      <c r="UAQ23" s="56"/>
      <c r="UAR23" s="61"/>
      <c r="UAS23" s="61"/>
      <c r="UAT23" s="61"/>
      <c r="UAU23" s="61"/>
      <c r="UAV23" s="62"/>
      <c r="UAW23" s="56"/>
      <c r="UAX23" s="61"/>
      <c r="UAY23" s="61"/>
      <c r="UAZ23" s="61"/>
      <c r="UBA23" s="61"/>
      <c r="UBB23" s="62"/>
      <c r="UBC23" s="56"/>
      <c r="UBD23" s="61"/>
      <c r="UBE23" s="61"/>
      <c r="UBF23" s="61"/>
      <c r="UBG23" s="61"/>
      <c r="UBH23" s="62"/>
      <c r="UBI23" s="56"/>
      <c r="UBJ23" s="61"/>
      <c r="UBK23" s="61"/>
      <c r="UBL23" s="61"/>
      <c r="UBM23" s="61"/>
      <c r="UBN23" s="62"/>
      <c r="UBO23" s="56"/>
      <c r="UBP23" s="61"/>
      <c r="UBQ23" s="61"/>
      <c r="UBR23" s="61"/>
      <c r="UBS23" s="61"/>
      <c r="UBT23" s="62"/>
      <c r="UBU23" s="56"/>
      <c r="UBV23" s="61"/>
      <c r="UBW23" s="61"/>
      <c r="UBX23" s="61"/>
      <c r="UBY23" s="61"/>
      <c r="UBZ23" s="62"/>
      <c r="UCA23" s="56"/>
      <c r="UCB23" s="61"/>
      <c r="UCC23" s="61"/>
      <c r="UCD23" s="61"/>
      <c r="UCE23" s="61"/>
      <c r="UCF23" s="62"/>
      <c r="UCG23" s="56"/>
      <c r="UCH23" s="61"/>
      <c r="UCI23" s="61"/>
      <c r="UCJ23" s="61"/>
      <c r="UCK23" s="61"/>
      <c r="UCL23" s="62"/>
      <c r="UCM23" s="56"/>
      <c r="UCN23" s="61"/>
      <c r="UCO23" s="61"/>
      <c r="UCP23" s="61"/>
      <c r="UCQ23" s="61"/>
      <c r="UCR23" s="62"/>
      <c r="UCS23" s="56"/>
      <c r="UCT23" s="61"/>
      <c r="UCU23" s="61"/>
      <c r="UCV23" s="61"/>
      <c r="UCW23" s="61"/>
      <c r="UCX23" s="62"/>
      <c r="UCY23" s="56"/>
      <c r="UCZ23" s="61"/>
      <c r="UDA23" s="61"/>
      <c r="UDB23" s="61"/>
      <c r="UDC23" s="61"/>
      <c r="UDD23" s="62"/>
      <c r="UDE23" s="56"/>
      <c r="UDF23" s="61"/>
      <c r="UDG23" s="61"/>
      <c r="UDH23" s="61"/>
      <c r="UDI23" s="61"/>
      <c r="UDJ23" s="62"/>
      <c r="UDK23" s="56"/>
      <c r="UDL23" s="61"/>
      <c r="UDM23" s="61"/>
      <c r="UDN23" s="61"/>
      <c r="UDO23" s="61"/>
      <c r="UDP23" s="62"/>
      <c r="UDQ23" s="56"/>
      <c r="UDR23" s="61"/>
      <c r="UDS23" s="61"/>
      <c r="UDT23" s="61"/>
      <c r="UDU23" s="61"/>
      <c r="UDV23" s="62"/>
      <c r="UDW23" s="56"/>
      <c r="UDX23" s="61"/>
      <c r="UDY23" s="61"/>
      <c r="UDZ23" s="61"/>
      <c r="UEA23" s="61"/>
      <c r="UEB23" s="62"/>
      <c r="UEC23" s="56"/>
      <c r="UED23" s="61"/>
      <c r="UEE23" s="61"/>
      <c r="UEF23" s="61"/>
      <c r="UEG23" s="61"/>
      <c r="UEH23" s="62"/>
      <c r="UEI23" s="56"/>
      <c r="UEJ23" s="61"/>
      <c r="UEK23" s="61"/>
      <c r="UEL23" s="61"/>
      <c r="UEM23" s="61"/>
      <c r="UEN23" s="62"/>
      <c r="UEO23" s="56"/>
      <c r="UEP23" s="61"/>
      <c r="UEQ23" s="61"/>
      <c r="UER23" s="61"/>
      <c r="UES23" s="61"/>
      <c r="UET23" s="62"/>
      <c r="UEU23" s="56"/>
      <c r="UEV23" s="61"/>
      <c r="UEW23" s="61"/>
      <c r="UEX23" s="61"/>
      <c r="UEY23" s="61"/>
      <c r="UEZ23" s="62"/>
      <c r="UFA23" s="56"/>
      <c r="UFB23" s="61"/>
      <c r="UFC23" s="61"/>
      <c r="UFD23" s="61"/>
      <c r="UFE23" s="61"/>
      <c r="UFF23" s="62"/>
      <c r="UFG23" s="56"/>
      <c r="UFH23" s="61"/>
      <c r="UFI23" s="61"/>
      <c r="UFJ23" s="61"/>
      <c r="UFK23" s="61"/>
      <c r="UFL23" s="62"/>
      <c r="UFM23" s="56"/>
      <c r="UFN23" s="61"/>
      <c r="UFO23" s="61"/>
      <c r="UFP23" s="61"/>
      <c r="UFQ23" s="61"/>
      <c r="UFR23" s="62"/>
      <c r="UFS23" s="56"/>
      <c r="UFT23" s="61"/>
      <c r="UFU23" s="61"/>
      <c r="UFV23" s="61"/>
      <c r="UFW23" s="61"/>
      <c r="UFX23" s="62"/>
      <c r="UFY23" s="56"/>
      <c r="UFZ23" s="61"/>
      <c r="UGA23" s="61"/>
      <c r="UGB23" s="61"/>
      <c r="UGC23" s="61"/>
      <c r="UGD23" s="62"/>
      <c r="UGE23" s="56"/>
      <c r="UGF23" s="61"/>
      <c r="UGG23" s="61"/>
      <c r="UGH23" s="61"/>
      <c r="UGI23" s="61"/>
      <c r="UGJ23" s="62"/>
      <c r="UGK23" s="56"/>
      <c r="UGL23" s="61"/>
      <c r="UGM23" s="61"/>
      <c r="UGN23" s="61"/>
      <c r="UGO23" s="61"/>
      <c r="UGP23" s="62"/>
      <c r="UGQ23" s="56"/>
      <c r="UGR23" s="61"/>
      <c r="UGS23" s="61"/>
      <c r="UGT23" s="61"/>
      <c r="UGU23" s="61"/>
      <c r="UGV23" s="62"/>
      <c r="UGW23" s="56"/>
      <c r="UGX23" s="61"/>
      <c r="UGY23" s="61"/>
      <c r="UGZ23" s="61"/>
      <c r="UHA23" s="61"/>
      <c r="UHB23" s="62"/>
      <c r="UHC23" s="56"/>
      <c r="UHD23" s="61"/>
      <c r="UHE23" s="61"/>
      <c r="UHF23" s="61"/>
      <c r="UHG23" s="61"/>
      <c r="UHH23" s="62"/>
      <c r="UHI23" s="56"/>
      <c r="UHJ23" s="61"/>
      <c r="UHK23" s="61"/>
      <c r="UHL23" s="61"/>
      <c r="UHM23" s="61"/>
      <c r="UHN23" s="62"/>
      <c r="UHO23" s="56"/>
      <c r="UHP23" s="61"/>
      <c r="UHQ23" s="61"/>
      <c r="UHR23" s="61"/>
      <c r="UHS23" s="61"/>
      <c r="UHT23" s="62"/>
      <c r="UHU23" s="56"/>
      <c r="UHV23" s="61"/>
      <c r="UHW23" s="61"/>
      <c r="UHX23" s="61"/>
      <c r="UHY23" s="61"/>
      <c r="UHZ23" s="62"/>
      <c r="UIA23" s="56"/>
      <c r="UIB23" s="61"/>
      <c r="UIC23" s="61"/>
      <c r="UID23" s="61"/>
      <c r="UIE23" s="61"/>
      <c r="UIF23" s="62"/>
      <c r="UIG23" s="56"/>
      <c r="UIH23" s="61"/>
      <c r="UII23" s="61"/>
      <c r="UIJ23" s="61"/>
      <c r="UIK23" s="61"/>
      <c r="UIL23" s="62"/>
      <c r="UIM23" s="56"/>
      <c r="UIN23" s="61"/>
      <c r="UIO23" s="61"/>
      <c r="UIP23" s="61"/>
      <c r="UIQ23" s="61"/>
      <c r="UIR23" s="62"/>
      <c r="UIS23" s="56"/>
      <c r="UIT23" s="61"/>
      <c r="UIU23" s="61"/>
      <c r="UIV23" s="61"/>
      <c r="UIW23" s="61"/>
      <c r="UIX23" s="62"/>
      <c r="UIY23" s="56"/>
      <c r="UIZ23" s="61"/>
      <c r="UJA23" s="61"/>
      <c r="UJB23" s="61"/>
      <c r="UJC23" s="61"/>
      <c r="UJD23" s="62"/>
      <c r="UJE23" s="56"/>
      <c r="UJF23" s="61"/>
      <c r="UJG23" s="61"/>
      <c r="UJH23" s="61"/>
      <c r="UJI23" s="61"/>
      <c r="UJJ23" s="62"/>
      <c r="UJK23" s="56"/>
      <c r="UJL23" s="61"/>
      <c r="UJM23" s="61"/>
      <c r="UJN23" s="61"/>
      <c r="UJO23" s="61"/>
      <c r="UJP23" s="62"/>
      <c r="UJQ23" s="56"/>
      <c r="UJR23" s="61"/>
      <c r="UJS23" s="61"/>
      <c r="UJT23" s="61"/>
      <c r="UJU23" s="61"/>
      <c r="UJV23" s="62"/>
      <c r="UJW23" s="56"/>
      <c r="UJX23" s="61"/>
      <c r="UJY23" s="61"/>
      <c r="UJZ23" s="61"/>
      <c r="UKA23" s="61"/>
      <c r="UKB23" s="62"/>
      <c r="UKC23" s="56"/>
      <c r="UKD23" s="61"/>
      <c r="UKE23" s="61"/>
      <c r="UKF23" s="61"/>
      <c r="UKG23" s="61"/>
      <c r="UKH23" s="62"/>
      <c r="UKI23" s="56"/>
      <c r="UKJ23" s="61"/>
      <c r="UKK23" s="61"/>
      <c r="UKL23" s="61"/>
      <c r="UKM23" s="61"/>
      <c r="UKN23" s="62"/>
      <c r="UKO23" s="56"/>
      <c r="UKP23" s="61"/>
      <c r="UKQ23" s="61"/>
      <c r="UKR23" s="61"/>
      <c r="UKS23" s="61"/>
      <c r="UKT23" s="62"/>
      <c r="UKU23" s="56"/>
      <c r="UKV23" s="61"/>
      <c r="UKW23" s="61"/>
      <c r="UKX23" s="61"/>
      <c r="UKY23" s="61"/>
      <c r="UKZ23" s="62"/>
      <c r="ULA23" s="56"/>
      <c r="ULB23" s="61"/>
      <c r="ULC23" s="61"/>
      <c r="ULD23" s="61"/>
      <c r="ULE23" s="61"/>
      <c r="ULF23" s="62"/>
      <c r="ULG23" s="56"/>
      <c r="ULH23" s="61"/>
      <c r="ULI23" s="61"/>
      <c r="ULJ23" s="61"/>
      <c r="ULK23" s="61"/>
      <c r="ULL23" s="62"/>
      <c r="ULM23" s="56"/>
      <c r="ULN23" s="61"/>
      <c r="ULO23" s="61"/>
      <c r="ULP23" s="61"/>
      <c r="ULQ23" s="61"/>
      <c r="ULR23" s="62"/>
      <c r="ULS23" s="56"/>
      <c r="ULT23" s="61"/>
      <c r="ULU23" s="61"/>
      <c r="ULV23" s="61"/>
      <c r="ULW23" s="61"/>
      <c r="ULX23" s="62"/>
      <c r="ULY23" s="56"/>
      <c r="ULZ23" s="61"/>
      <c r="UMA23" s="61"/>
      <c r="UMB23" s="61"/>
      <c r="UMC23" s="61"/>
      <c r="UMD23" s="62"/>
      <c r="UME23" s="56"/>
      <c r="UMF23" s="61"/>
      <c r="UMG23" s="61"/>
      <c r="UMH23" s="61"/>
      <c r="UMI23" s="61"/>
      <c r="UMJ23" s="62"/>
      <c r="UMK23" s="56"/>
      <c r="UML23" s="61"/>
      <c r="UMM23" s="61"/>
      <c r="UMN23" s="61"/>
      <c r="UMO23" s="61"/>
      <c r="UMP23" s="62"/>
      <c r="UMQ23" s="56"/>
      <c r="UMR23" s="61"/>
      <c r="UMS23" s="61"/>
      <c r="UMT23" s="61"/>
      <c r="UMU23" s="61"/>
      <c r="UMV23" s="62"/>
      <c r="UMW23" s="56"/>
      <c r="UMX23" s="61"/>
      <c r="UMY23" s="61"/>
      <c r="UMZ23" s="61"/>
      <c r="UNA23" s="61"/>
      <c r="UNB23" s="62"/>
      <c r="UNC23" s="56"/>
      <c r="UND23" s="61"/>
      <c r="UNE23" s="61"/>
      <c r="UNF23" s="61"/>
      <c r="UNG23" s="61"/>
      <c r="UNH23" s="62"/>
      <c r="UNI23" s="56"/>
      <c r="UNJ23" s="61"/>
      <c r="UNK23" s="61"/>
      <c r="UNL23" s="61"/>
      <c r="UNM23" s="61"/>
      <c r="UNN23" s="62"/>
      <c r="UNO23" s="56"/>
      <c r="UNP23" s="61"/>
      <c r="UNQ23" s="61"/>
      <c r="UNR23" s="61"/>
      <c r="UNS23" s="61"/>
      <c r="UNT23" s="62"/>
      <c r="UNU23" s="56"/>
      <c r="UNV23" s="61"/>
      <c r="UNW23" s="61"/>
      <c r="UNX23" s="61"/>
      <c r="UNY23" s="61"/>
      <c r="UNZ23" s="62"/>
      <c r="UOA23" s="56"/>
      <c r="UOB23" s="61"/>
      <c r="UOC23" s="61"/>
      <c r="UOD23" s="61"/>
      <c r="UOE23" s="61"/>
      <c r="UOF23" s="62"/>
      <c r="UOG23" s="56"/>
      <c r="UOH23" s="61"/>
      <c r="UOI23" s="61"/>
      <c r="UOJ23" s="61"/>
      <c r="UOK23" s="61"/>
      <c r="UOL23" s="62"/>
      <c r="UOM23" s="56"/>
      <c r="UON23" s="61"/>
      <c r="UOO23" s="61"/>
      <c r="UOP23" s="61"/>
      <c r="UOQ23" s="61"/>
      <c r="UOR23" s="62"/>
      <c r="UOS23" s="56"/>
      <c r="UOT23" s="61"/>
      <c r="UOU23" s="61"/>
      <c r="UOV23" s="61"/>
      <c r="UOW23" s="61"/>
      <c r="UOX23" s="62"/>
      <c r="UOY23" s="56"/>
      <c r="UOZ23" s="61"/>
      <c r="UPA23" s="61"/>
      <c r="UPB23" s="61"/>
      <c r="UPC23" s="61"/>
      <c r="UPD23" s="62"/>
      <c r="UPE23" s="56"/>
      <c r="UPF23" s="61"/>
      <c r="UPG23" s="61"/>
      <c r="UPH23" s="61"/>
      <c r="UPI23" s="61"/>
      <c r="UPJ23" s="62"/>
      <c r="UPK23" s="56"/>
      <c r="UPL23" s="61"/>
      <c r="UPM23" s="61"/>
      <c r="UPN23" s="61"/>
      <c r="UPO23" s="61"/>
      <c r="UPP23" s="62"/>
      <c r="UPQ23" s="56"/>
      <c r="UPR23" s="61"/>
      <c r="UPS23" s="61"/>
      <c r="UPT23" s="61"/>
      <c r="UPU23" s="61"/>
      <c r="UPV23" s="62"/>
      <c r="UPW23" s="56"/>
      <c r="UPX23" s="61"/>
      <c r="UPY23" s="61"/>
      <c r="UPZ23" s="61"/>
      <c r="UQA23" s="61"/>
      <c r="UQB23" s="62"/>
      <c r="UQC23" s="56"/>
      <c r="UQD23" s="61"/>
      <c r="UQE23" s="61"/>
      <c r="UQF23" s="61"/>
      <c r="UQG23" s="61"/>
      <c r="UQH23" s="62"/>
      <c r="UQI23" s="56"/>
      <c r="UQJ23" s="61"/>
      <c r="UQK23" s="61"/>
      <c r="UQL23" s="61"/>
      <c r="UQM23" s="61"/>
      <c r="UQN23" s="62"/>
      <c r="UQO23" s="56"/>
      <c r="UQP23" s="61"/>
      <c r="UQQ23" s="61"/>
      <c r="UQR23" s="61"/>
      <c r="UQS23" s="61"/>
      <c r="UQT23" s="62"/>
      <c r="UQU23" s="56"/>
      <c r="UQV23" s="61"/>
      <c r="UQW23" s="61"/>
      <c r="UQX23" s="61"/>
      <c r="UQY23" s="61"/>
      <c r="UQZ23" s="62"/>
      <c r="URA23" s="56"/>
      <c r="URB23" s="61"/>
      <c r="URC23" s="61"/>
      <c r="URD23" s="61"/>
      <c r="URE23" s="61"/>
      <c r="URF23" s="62"/>
      <c r="URG23" s="56"/>
      <c r="URH23" s="61"/>
      <c r="URI23" s="61"/>
      <c r="URJ23" s="61"/>
      <c r="URK23" s="61"/>
      <c r="URL23" s="62"/>
      <c r="URM23" s="56"/>
      <c r="URN23" s="61"/>
      <c r="URO23" s="61"/>
      <c r="URP23" s="61"/>
      <c r="URQ23" s="61"/>
      <c r="URR23" s="62"/>
      <c r="URS23" s="56"/>
      <c r="URT23" s="61"/>
      <c r="URU23" s="61"/>
      <c r="URV23" s="61"/>
      <c r="URW23" s="61"/>
      <c r="URX23" s="62"/>
      <c r="URY23" s="56"/>
      <c r="URZ23" s="61"/>
      <c r="USA23" s="61"/>
      <c r="USB23" s="61"/>
      <c r="USC23" s="61"/>
      <c r="USD23" s="62"/>
      <c r="USE23" s="56"/>
      <c r="USF23" s="61"/>
      <c r="USG23" s="61"/>
      <c r="USH23" s="61"/>
      <c r="USI23" s="61"/>
      <c r="USJ23" s="62"/>
      <c r="USK23" s="56"/>
      <c r="USL23" s="61"/>
      <c r="USM23" s="61"/>
      <c r="USN23" s="61"/>
      <c r="USO23" s="61"/>
      <c r="USP23" s="62"/>
      <c r="USQ23" s="56"/>
      <c r="USR23" s="61"/>
      <c r="USS23" s="61"/>
      <c r="UST23" s="61"/>
      <c r="USU23" s="61"/>
      <c r="USV23" s="62"/>
      <c r="USW23" s="56"/>
      <c r="USX23" s="61"/>
      <c r="USY23" s="61"/>
      <c r="USZ23" s="61"/>
      <c r="UTA23" s="61"/>
      <c r="UTB23" s="62"/>
      <c r="UTC23" s="56"/>
      <c r="UTD23" s="61"/>
      <c r="UTE23" s="61"/>
      <c r="UTF23" s="61"/>
      <c r="UTG23" s="61"/>
      <c r="UTH23" s="62"/>
      <c r="UTI23" s="56"/>
      <c r="UTJ23" s="61"/>
      <c r="UTK23" s="61"/>
      <c r="UTL23" s="61"/>
      <c r="UTM23" s="61"/>
      <c r="UTN23" s="62"/>
      <c r="UTO23" s="56"/>
      <c r="UTP23" s="61"/>
      <c r="UTQ23" s="61"/>
      <c r="UTR23" s="61"/>
      <c r="UTS23" s="61"/>
      <c r="UTT23" s="62"/>
      <c r="UTU23" s="56"/>
      <c r="UTV23" s="61"/>
      <c r="UTW23" s="61"/>
      <c r="UTX23" s="61"/>
      <c r="UTY23" s="61"/>
      <c r="UTZ23" s="62"/>
      <c r="UUA23" s="56"/>
      <c r="UUB23" s="61"/>
      <c r="UUC23" s="61"/>
      <c r="UUD23" s="61"/>
      <c r="UUE23" s="61"/>
      <c r="UUF23" s="62"/>
      <c r="UUG23" s="56"/>
      <c r="UUH23" s="61"/>
      <c r="UUI23" s="61"/>
      <c r="UUJ23" s="61"/>
      <c r="UUK23" s="61"/>
      <c r="UUL23" s="62"/>
      <c r="UUM23" s="56"/>
      <c r="UUN23" s="61"/>
      <c r="UUO23" s="61"/>
      <c r="UUP23" s="61"/>
      <c r="UUQ23" s="61"/>
      <c r="UUR23" s="62"/>
      <c r="UUS23" s="56"/>
      <c r="UUT23" s="61"/>
      <c r="UUU23" s="61"/>
      <c r="UUV23" s="61"/>
      <c r="UUW23" s="61"/>
      <c r="UUX23" s="62"/>
      <c r="UUY23" s="56"/>
      <c r="UUZ23" s="61"/>
      <c r="UVA23" s="61"/>
      <c r="UVB23" s="61"/>
      <c r="UVC23" s="61"/>
      <c r="UVD23" s="62"/>
      <c r="UVE23" s="56"/>
      <c r="UVF23" s="61"/>
      <c r="UVG23" s="61"/>
      <c r="UVH23" s="61"/>
      <c r="UVI23" s="61"/>
      <c r="UVJ23" s="62"/>
      <c r="UVK23" s="56"/>
      <c r="UVL23" s="61"/>
      <c r="UVM23" s="61"/>
      <c r="UVN23" s="61"/>
      <c r="UVO23" s="61"/>
      <c r="UVP23" s="62"/>
      <c r="UVQ23" s="56"/>
      <c r="UVR23" s="61"/>
      <c r="UVS23" s="61"/>
      <c r="UVT23" s="61"/>
      <c r="UVU23" s="61"/>
      <c r="UVV23" s="62"/>
      <c r="UVW23" s="56"/>
      <c r="UVX23" s="61"/>
      <c r="UVY23" s="61"/>
      <c r="UVZ23" s="61"/>
      <c r="UWA23" s="61"/>
      <c r="UWB23" s="62"/>
      <c r="UWC23" s="56"/>
      <c r="UWD23" s="61"/>
      <c r="UWE23" s="61"/>
      <c r="UWF23" s="61"/>
      <c r="UWG23" s="61"/>
      <c r="UWH23" s="62"/>
      <c r="UWI23" s="56"/>
      <c r="UWJ23" s="61"/>
      <c r="UWK23" s="61"/>
      <c r="UWL23" s="61"/>
      <c r="UWM23" s="61"/>
      <c r="UWN23" s="62"/>
      <c r="UWO23" s="56"/>
      <c r="UWP23" s="61"/>
      <c r="UWQ23" s="61"/>
      <c r="UWR23" s="61"/>
      <c r="UWS23" s="61"/>
      <c r="UWT23" s="62"/>
      <c r="UWU23" s="56"/>
      <c r="UWV23" s="61"/>
      <c r="UWW23" s="61"/>
      <c r="UWX23" s="61"/>
      <c r="UWY23" s="61"/>
      <c r="UWZ23" s="62"/>
      <c r="UXA23" s="56"/>
      <c r="UXB23" s="61"/>
      <c r="UXC23" s="61"/>
      <c r="UXD23" s="61"/>
      <c r="UXE23" s="61"/>
      <c r="UXF23" s="62"/>
      <c r="UXG23" s="56"/>
      <c r="UXH23" s="61"/>
      <c r="UXI23" s="61"/>
      <c r="UXJ23" s="61"/>
      <c r="UXK23" s="61"/>
      <c r="UXL23" s="62"/>
      <c r="UXM23" s="56"/>
      <c r="UXN23" s="61"/>
      <c r="UXO23" s="61"/>
      <c r="UXP23" s="61"/>
      <c r="UXQ23" s="61"/>
      <c r="UXR23" s="62"/>
      <c r="UXS23" s="56"/>
      <c r="UXT23" s="61"/>
      <c r="UXU23" s="61"/>
      <c r="UXV23" s="61"/>
      <c r="UXW23" s="61"/>
      <c r="UXX23" s="62"/>
      <c r="UXY23" s="56"/>
      <c r="UXZ23" s="61"/>
      <c r="UYA23" s="61"/>
      <c r="UYB23" s="61"/>
      <c r="UYC23" s="61"/>
      <c r="UYD23" s="62"/>
      <c r="UYE23" s="56"/>
      <c r="UYF23" s="61"/>
      <c r="UYG23" s="61"/>
      <c r="UYH23" s="61"/>
      <c r="UYI23" s="61"/>
      <c r="UYJ23" s="62"/>
      <c r="UYK23" s="56"/>
      <c r="UYL23" s="61"/>
      <c r="UYM23" s="61"/>
      <c r="UYN23" s="61"/>
      <c r="UYO23" s="61"/>
      <c r="UYP23" s="62"/>
      <c r="UYQ23" s="56"/>
      <c r="UYR23" s="61"/>
      <c r="UYS23" s="61"/>
      <c r="UYT23" s="61"/>
      <c r="UYU23" s="61"/>
      <c r="UYV23" s="62"/>
      <c r="UYW23" s="56"/>
      <c r="UYX23" s="61"/>
      <c r="UYY23" s="61"/>
      <c r="UYZ23" s="61"/>
      <c r="UZA23" s="61"/>
      <c r="UZB23" s="62"/>
      <c r="UZC23" s="56"/>
      <c r="UZD23" s="61"/>
      <c r="UZE23" s="61"/>
      <c r="UZF23" s="61"/>
      <c r="UZG23" s="61"/>
      <c r="UZH23" s="62"/>
      <c r="UZI23" s="56"/>
      <c r="UZJ23" s="61"/>
      <c r="UZK23" s="61"/>
      <c r="UZL23" s="61"/>
      <c r="UZM23" s="61"/>
      <c r="UZN23" s="62"/>
      <c r="UZO23" s="56"/>
      <c r="UZP23" s="61"/>
      <c r="UZQ23" s="61"/>
      <c r="UZR23" s="61"/>
      <c r="UZS23" s="61"/>
      <c r="UZT23" s="62"/>
      <c r="UZU23" s="56"/>
      <c r="UZV23" s="61"/>
      <c r="UZW23" s="61"/>
      <c r="UZX23" s="61"/>
      <c r="UZY23" s="61"/>
      <c r="UZZ23" s="62"/>
      <c r="VAA23" s="56"/>
      <c r="VAB23" s="61"/>
      <c r="VAC23" s="61"/>
      <c r="VAD23" s="61"/>
      <c r="VAE23" s="61"/>
      <c r="VAF23" s="62"/>
      <c r="VAG23" s="56"/>
      <c r="VAH23" s="61"/>
      <c r="VAI23" s="61"/>
      <c r="VAJ23" s="61"/>
      <c r="VAK23" s="61"/>
      <c r="VAL23" s="62"/>
      <c r="VAM23" s="56"/>
      <c r="VAN23" s="61"/>
      <c r="VAO23" s="61"/>
      <c r="VAP23" s="61"/>
      <c r="VAQ23" s="61"/>
      <c r="VAR23" s="62"/>
      <c r="VAS23" s="56"/>
      <c r="VAT23" s="61"/>
      <c r="VAU23" s="61"/>
      <c r="VAV23" s="61"/>
      <c r="VAW23" s="61"/>
      <c r="VAX23" s="62"/>
      <c r="VAY23" s="56"/>
      <c r="VAZ23" s="61"/>
      <c r="VBA23" s="61"/>
      <c r="VBB23" s="61"/>
      <c r="VBC23" s="61"/>
      <c r="VBD23" s="62"/>
      <c r="VBE23" s="56"/>
      <c r="VBF23" s="61"/>
      <c r="VBG23" s="61"/>
      <c r="VBH23" s="61"/>
      <c r="VBI23" s="61"/>
      <c r="VBJ23" s="62"/>
      <c r="VBK23" s="56"/>
      <c r="VBL23" s="61"/>
      <c r="VBM23" s="61"/>
      <c r="VBN23" s="61"/>
      <c r="VBO23" s="61"/>
      <c r="VBP23" s="62"/>
      <c r="VBQ23" s="56"/>
      <c r="VBR23" s="61"/>
      <c r="VBS23" s="61"/>
      <c r="VBT23" s="61"/>
      <c r="VBU23" s="61"/>
      <c r="VBV23" s="62"/>
      <c r="VBW23" s="56"/>
      <c r="VBX23" s="61"/>
      <c r="VBY23" s="61"/>
      <c r="VBZ23" s="61"/>
      <c r="VCA23" s="61"/>
      <c r="VCB23" s="62"/>
      <c r="VCC23" s="56"/>
      <c r="VCD23" s="61"/>
      <c r="VCE23" s="61"/>
      <c r="VCF23" s="61"/>
      <c r="VCG23" s="61"/>
      <c r="VCH23" s="62"/>
      <c r="VCI23" s="56"/>
      <c r="VCJ23" s="61"/>
      <c r="VCK23" s="61"/>
      <c r="VCL23" s="61"/>
      <c r="VCM23" s="61"/>
      <c r="VCN23" s="62"/>
      <c r="VCO23" s="56"/>
      <c r="VCP23" s="61"/>
      <c r="VCQ23" s="61"/>
      <c r="VCR23" s="61"/>
      <c r="VCS23" s="61"/>
      <c r="VCT23" s="62"/>
      <c r="VCU23" s="56"/>
      <c r="VCV23" s="61"/>
      <c r="VCW23" s="61"/>
      <c r="VCX23" s="61"/>
      <c r="VCY23" s="61"/>
      <c r="VCZ23" s="62"/>
      <c r="VDA23" s="56"/>
      <c r="VDB23" s="61"/>
      <c r="VDC23" s="61"/>
      <c r="VDD23" s="61"/>
      <c r="VDE23" s="61"/>
      <c r="VDF23" s="62"/>
      <c r="VDG23" s="56"/>
      <c r="VDH23" s="61"/>
      <c r="VDI23" s="61"/>
      <c r="VDJ23" s="61"/>
      <c r="VDK23" s="61"/>
      <c r="VDL23" s="62"/>
      <c r="VDM23" s="56"/>
      <c r="VDN23" s="61"/>
      <c r="VDO23" s="61"/>
      <c r="VDP23" s="61"/>
      <c r="VDQ23" s="61"/>
      <c r="VDR23" s="62"/>
      <c r="VDS23" s="56"/>
      <c r="VDT23" s="61"/>
      <c r="VDU23" s="61"/>
      <c r="VDV23" s="61"/>
      <c r="VDW23" s="61"/>
      <c r="VDX23" s="62"/>
      <c r="VDY23" s="56"/>
      <c r="VDZ23" s="61"/>
      <c r="VEA23" s="61"/>
      <c r="VEB23" s="61"/>
      <c r="VEC23" s="61"/>
      <c r="VED23" s="62"/>
      <c r="VEE23" s="56"/>
      <c r="VEF23" s="61"/>
      <c r="VEG23" s="61"/>
      <c r="VEH23" s="61"/>
      <c r="VEI23" s="61"/>
      <c r="VEJ23" s="62"/>
      <c r="VEK23" s="56"/>
      <c r="VEL23" s="61"/>
      <c r="VEM23" s="61"/>
      <c r="VEN23" s="61"/>
      <c r="VEO23" s="61"/>
      <c r="VEP23" s="62"/>
      <c r="VEQ23" s="56"/>
      <c r="VER23" s="61"/>
      <c r="VES23" s="61"/>
      <c r="VET23" s="61"/>
      <c r="VEU23" s="61"/>
      <c r="VEV23" s="62"/>
      <c r="VEW23" s="56"/>
      <c r="VEX23" s="61"/>
      <c r="VEY23" s="61"/>
      <c r="VEZ23" s="61"/>
      <c r="VFA23" s="61"/>
      <c r="VFB23" s="62"/>
      <c r="VFC23" s="56"/>
      <c r="VFD23" s="61"/>
      <c r="VFE23" s="61"/>
      <c r="VFF23" s="61"/>
      <c r="VFG23" s="61"/>
      <c r="VFH23" s="62"/>
      <c r="VFI23" s="56"/>
      <c r="VFJ23" s="61"/>
      <c r="VFK23" s="61"/>
      <c r="VFL23" s="61"/>
      <c r="VFM23" s="61"/>
      <c r="VFN23" s="62"/>
      <c r="VFO23" s="56"/>
      <c r="VFP23" s="61"/>
      <c r="VFQ23" s="61"/>
      <c r="VFR23" s="61"/>
      <c r="VFS23" s="61"/>
      <c r="VFT23" s="62"/>
      <c r="VFU23" s="56"/>
      <c r="VFV23" s="61"/>
      <c r="VFW23" s="61"/>
      <c r="VFX23" s="61"/>
      <c r="VFY23" s="61"/>
      <c r="VFZ23" s="62"/>
      <c r="VGA23" s="56"/>
      <c r="VGB23" s="61"/>
      <c r="VGC23" s="61"/>
      <c r="VGD23" s="61"/>
      <c r="VGE23" s="61"/>
      <c r="VGF23" s="62"/>
      <c r="VGG23" s="56"/>
      <c r="VGH23" s="61"/>
      <c r="VGI23" s="61"/>
      <c r="VGJ23" s="61"/>
      <c r="VGK23" s="61"/>
      <c r="VGL23" s="62"/>
      <c r="VGM23" s="56"/>
      <c r="VGN23" s="61"/>
      <c r="VGO23" s="61"/>
      <c r="VGP23" s="61"/>
      <c r="VGQ23" s="61"/>
      <c r="VGR23" s="62"/>
      <c r="VGS23" s="56"/>
      <c r="VGT23" s="61"/>
      <c r="VGU23" s="61"/>
      <c r="VGV23" s="61"/>
      <c r="VGW23" s="61"/>
      <c r="VGX23" s="62"/>
      <c r="VGY23" s="56"/>
      <c r="VGZ23" s="61"/>
      <c r="VHA23" s="61"/>
      <c r="VHB23" s="61"/>
      <c r="VHC23" s="61"/>
      <c r="VHD23" s="62"/>
      <c r="VHE23" s="56"/>
      <c r="VHF23" s="61"/>
      <c r="VHG23" s="61"/>
      <c r="VHH23" s="61"/>
      <c r="VHI23" s="61"/>
      <c r="VHJ23" s="62"/>
      <c r="VHK23" s="56"/>
      <c r="VHL23" s="61"/>
      <c r="VHM23" s="61"/>
      <c r="VHN23" s="61"/>
      <c r="VHO23" s="61"/>
      <c r="VHP23" s="62"/>
      <c r="VHQ23" s="56"/>
      <c r="VHR23" s="61"/>
      <c r="VHS23" s="61"/>
      <c r="VHT23" s="61"/>
      <c r="VHU23" s="61"/>
      <c r="VHV23" s="62"/>
      <c r="VHW23" s="56"/>
      <c r="VHX23" s="61"/>
      <c r="VHY23" s="61"/>
      <c r="VHZ23" s="61"/>
      <c r="VIA23" s="61"/>
      <c r="VIB23" s="62"/>
      <c r="VIC23" s="56"/>
      <c r="VID23" s="61"/>
      <c r="VIE23" s="61"/>
      <c r="VIF23" s="61"/>
      <c r="VIG23" s="61"/>
      <c r="VIH23" s="62"/>
      <c r="VII23" s="56"/>
      <c r="VIJ23" s="61"/>
      <c r="VIK23" s="61"/>
      <c r="VIL23" s="61"/>
      <c r="VIM23" s="61"/>
      <c r="VIN23" s="62"/>
      <c r="VIO23" s="56"/>
      <c r="VIP23" s="61"/>
      <c r="VIQ23" s="61"/>
      <c r="VIR23" s="61"/>
      <c r="VIS23" s="61"/>
      <c r="VIT23" s="62"/>
      <c r="VIU23" s="56"/>
      <c r="VIV23" s="61"/>
      <c r="VIW23" s="61"/>
      <c r="VIX23" s="61"/>
      <c r="VIY23" s="61"/>
      <c r="VIZ23" s="62"/>
      <c r="VJA23" s="56"/>
      <c r="VJB23" s="61"/>
      <c r="VJC23" s="61"/>
      <c r="VJD23" s="61"/>
      <c r="VJE23" s="61"/>
      <c r="VJF23" s="62"/>
      <c r="VJG23" s="56"/>
      <c r="VJH23" s="61"/>
      <c r="VJI23" s="61"/>
      <c r="VJJ23" s="61"/>
      <c r="VJK23" s="61"/>
      <c r="VJL23" s="62"/>
      <c r="VJM23" s="56"/>
      <c r="VJN23" s="61"/>
      <c r="VJO23" s="61"/>
      <c r="VJP23" s="61"/>
      <c r="VJQ23" s="61"/>
      <c r="VJR23" s="62"/>
      <c r="VJS23" s="56"/>
      <c r="VJT23" s="61"/>
      <c r="VJU23" s="61"/>
      <c r="VJV23" s="61"/>
      <c r="VJW23" s="61"/>
      <c r="VJX23" s="62"/>
      <c r="VJY23" s="56"/>
      <c r="VJZ23" s="61"/>
      <c r="VKA23" s="61"/>
      <c r="VKB23" s="61"/>
      <c r="VKC23" s="61"/>
      <c r="VKD23" s="62"/>
      <c r="VKE23" s="56"/>
      <c r="VKF23" s="61"/>
      <c r="VKG23" s="61"/>
      <c r="VKH23" s="61"/>
      <c r="VKI23" s="61"/>
      <c r="VKJ23" s="62"/>
      <c r="VKK23" s="56"/>
      <c r="VKL23" s="61"/>
      <c r="VKM23" s="61"/>
      <c r="VKN23" s="61"/>
      <c r="VKO23" s="61"/>
      <c r="VKP23" s="62"/>
      <c r="VKQ23" s="56"/>
      <c r="VKR23" s="61"/>
      <c r="VKS23" s="61"/>
      <c r="VKT23" s="61"/>
      <c r="VKU23" s="61"/>
      <c r="VKV23" s="62"/>
      <c r="VKW23" s="56"/>
      <c r="VKX23" s="61"/>
      <c r="VKY23" s="61"/>
      <c r="VKZ23" s="61"/>
      <c r="VLA23" s="61"/>
      <c r="VLB23" s="62"/>
      <c r="VLC23" s="56"/>
      <c r="VLD23" s="61"/>
      <c r="VLE23" s="61"/>
      <c r="VLF23" s="61"/>
      <c r="VLG23" s="61"/>
      <c r="VLH23" s="62"/>
      <c r="VLI23" s="56"/>
      <c r="VLJ23" s="61"/>
      <c r="VLK23" s="61"/>
      <c r="VLL23" s="61"/>
      <c r="VLM23" s="61"/>
      <c r="VLN23" s="62"/>
      <c r="VLO23" s="56"/>
      <c r="VLP23" s="61"/>
      <c r="VLQ23" s="61"/>
      <c r="VLR23" s="61"/>
      <c r="VLS23" s="61"/>
      <c r="VLT23" s="62"/>
      <c r="VLU23" s="56"/>
      <c r="VLV23" s="61"/>
      <c r="VLW23" s="61"/>
      <c r="VLX23" s="61"/>
      <c r="VLY23" s="61"/>
      <c r="VLZ23" s="62"/>
      <c r="VMA23" s="56"/>
      <c r="VMB23" s="61"/>
      <c r="VMC23" s="61"/>
      <c r="VMD23" s="61"/>
      <c r="VME23" s="61"/>
      <c r="VMF23" s="62"/>
      <c r="VMG23" s="56"/>
      <c r="VMH23" s="61"/>
      <c r="VMI23" s="61"/>
      <c r="VMJ23" s="61"/>
      <c r="VMK23" s="61"/>
      <c r="VML23" s="62"/>
      <c r="VMM23" s="56"/>
      <c r="VMN23" s="61"/>
      <c r="VMO23" s="61"/>
      <c r="VMP23" s="61"/>
      <c r="VMQ23" s="61"/>
      <c r="VMR23" s="62"/>
      <c r="VMS23" s="56"/>
      <c r="VMT23" s="61"/>
      <c r="VMU23" s="61"/>
      <c r="VMV23" s="61"/>
      <c r="VMW23" s="61"/>
      <c r="VMX23" s="62"/>
      <c r="VMY23" s="56"/>
      <c r="VMZ23" s="61"/>
      <c r="VNA23" s="61"/>
      <c r="VNB23" s="61"/>
      <c r="VNC23" s="61"/>
      <c r="VND23" s="62"/>
      <c r="VNE23" s="56"/>
      <c r="VNF23" s="61"/>
      <c r="VNG23" s="61"/>
      <c r="VNH23" s="61"/>
      <c r="VNI23" s="61"/>
      <c r="VNJ23" s="62"/>
      <c r="VNK23" s="56"/>
      <c r="VNL23" s="61"/>
      <c r="VNM23" s="61"/>
      <c r="VNN23" s="61"/>
      <c r="VNO23" s="61"/>
      <c r="VNP23" s="62"/>
      <c r="VNQ23" s="56"/>
      <c r="VNR23" s="61"/>
      <c r="VNS23" s="61"/>
      <c r="VNT23" s="61"/>
      <c r="VNU23" s="61"/>
      <c r="VNV23" s="62"/>
      <c r="VNW23" s="56"/>
      <c r="VNX23" s="61"/>
      <c r="VNY23" s="61"/>
      <c r="VNZ23" s="61"/>
      <c r="VOA23" s="61"/>
      <c r="VOB23" s="62"/>
      <c r="VOC23" s="56"/>
      <c r="VOD23" s="61"/>
      <c r="VOE23" s="61"/>
      <c r="VOF23" s="61"/>
      <c r="VOG23" s="61"/>
      <c r="VOH23" s="62"/>
      <c r="VOI23" s="56"/>
      <c r="VOJ23" s="61"/>
      <c r="VOK23" s="61"/>
      <c r="VOL23" s="61"/>
      <c r="VOM23" s="61"/>
      <c r="VON23" s="62"/>
      <c r="VOO23" s="56"/>
      <c r="VOP23" s="61"/>
      <c r="VOQ23" s="61"/>
      <c r="VOR23" s="61"/>
      <c r="VOS23" s="61"/>
      <c r="VOT23" s="62"/>
      <c r="VOU23" s="56"/>
      <c r="VOV23" s="61"/>
      <c r="VOW23" s="61"/>
      <c r="VOX23" s="61"/>
      <c r="VOY23" s="61"/>
      <c r="VOZ23" s="62"/>
      <c r="VPA23" s="56"/>
      <c r="VPB23" s="61"/>
      <c r="VPC23" s="61"/>
      <c r="VPD23" s="61"/>
      <c r="VPE23" s="61"/>
      <c r="VPF23" s="62"/>
      <c r="VPG23" s="56"/>
      <c r="VPH23" s="61"/>
      <c r="VPI23" s="61"/>
      <c r="VPJ23" s="61"/>
      <c r="VPK23" s="61"/>
      <c r="VPL23" s="62"/>
      <c r="VPM23" s="56"/>
      <c r="VPN23" s="61"/>
      <c r="VPO23" s="61"/>
      <c r="VPP23" s="61"/>
      <c r="VPQ23" s="61"/>
      <c r="VPR23" s="62"/>
      <c r="VPS23" s="56"/>
      <c r="VPT23" s="61"/>
      <c r="VPU23" s="61"/>
      <c r="VPV23" s="61"/>
      <c r="VPW23" s="61"/>
      <c r="VPX23" s="62"/>
      <c r="VPY23" s="56"/>
      <c r="VPZ23" s="61"/>
      <c r="VQA23" s="61"/>
      <c r="VQB23" s="61"/>
      <c r="VQC23" s="61"/>
      <c r="VQD23" s="62"/>
      <c r="VQE23" s="56"/>
      <c r="VQF23" s="61"/>
      <c r="VQG23" s="61"/>
      <c r="VQH23" s="61"/>
      <c r="VQI23" s="61"/>
      <c r="VQJ23" s="62"/>
      <c r="VQK23" s="56"/>
      <c r="VQL23" s="61"/>
      <c r="VQM23" s="61"/>
      <c r="VQN23" s="61"/>
      <c r="VQO23" s="61"/>
      <c r="VQP23" s="62"/>
      <c r="VQQ23" s="56"/>
      <c r="VQR23" s="61"/>
      <c r="VQS23" s="61"/>
      <c r="VQT23" s="61"/>
      <c r="VQU23" s="61"/>
      <c r="VQV23" s="62"/>
      <c r="VQW23" s="56"/>
      <c r="VQX23" s="61"/>
      <c r="VQY23" s="61"/>
      <c r="VQZ23" s="61"/>
      <c r="VRA23" s="61"/>
      <c r="VRB23" s="62"/>
      <c r="VRC23" s="56"/>
      <c r="VRD23" s="61"/>
      <c r="VRE23" s="61"/>
      <c r="VRF23" s="61"/>
      <c r="VRG23" s="61"/>
      <c r="VRH23" s="62"/>
      <c r="VRI23" s="56"/>
      <c r="VRJ23" s="61"/>
      <c r="VRK23" s="61"/>
      <c r="VRL23" s="61"/>
      <c r="VRM23" s="61"/>
      <c r="VRN23" s="62"/>
      <c r="VRO23" s="56"/>
      <c r="VRP23" s="61"/>
      <c r="VRQ23" s="61"/>
      <c r="VRR23" s="61"/>
      <c r="VRS23" s="61"/>
      <c r="VRT23" s="62"/>
      <c r="VRU23" s="56"/>
      <c r="VRV23" s="61"/>
      <c r="VRW23" s="61"/>
      <c r="VRX23" s="61"/>
      <c r="VRY23" s="61"/>
      <c r="VRZ23" s="62"/>
      <c r="VSA23" s="56"/>
      <c r="VSB23" s="61"/>
      <c r="VSC23" s="61"/>
      <c r="VSD23" s="61"/>
      <c r="VSE23" s="61"/>
      <c r="VSF23" s="62"/>
      <c r="VSG23" s="56"/>
      <c r="VSH23" s="61"/>
      <c r="VSI23" s="61"/>
      <c r="VSJ23" s="61"/>
      <c r="VSK23" s="61"/>
      <c r="VSL23" s="62"/>
      <c r="VSM23" s="56"/>
      <c r="VSN23" s="61"/>
      <c r="VSO23" s="61"/>
      <c r="VSP23" s="61"/>
      <c r="VSQ23" s="61"/>
      <c r="VSR23" s="62"/>
      <c r="VSS23" s="56"/>
      <c r="VST23" s="61"/>
      <c r="VSU23" s="61"/>
      <c r="VSV23" s="61"/>
      <c r="VSW23" s="61"/>
      <c r="VSX23" s="62"/>
      <c r="VSY23" s="56"/>
      <c r="VSZ23" s="61"/>
      <c r="VTA23" s="61"/>
      <c r="VTB23" s="61"/>
      <c r="VTC23" s="61"/>
      <c r="VTD23" s="62"/>
      <c r="VTE23" s="56"/>
      <c r="VTF23" s="61"/>
      <c r="VTG23" s="61"/>
      <c r="VTH23" s="61"/>
      <c r="VTI23" s="61"/>
      <c r="VTJ23" s="62"/>
      <c r="VTK23" s="56"/>
      <c r="VTL23" s="61"/>
      <c r="VTM23" s="61"/>
      <c r="VTN23" s="61"/>
      <c r="VTO23" s="61"/>
      <c r="VTP23" s="62"/>
      <c r="VTQ23" s="56"/>
      <c r="VTR23" s="61"/>
      <c r="VTS23" s="61"/>
      <c r="VTT23" s="61"/>
      <c r="VTU23" s="61"/>
      <c r="VTV23" s="62"/>
      <c r="VTW23" s="56"/>
      <c r="VTX23" s="61"/>
      <c r="VTY23" s="61"/>
      <c r="VTZ23" s="61"/>
      <c r="VUA23" s="61"/>
      <c r="VUB23" s="62"/>
      <c r="VUC23" s="56"/>
      <c r="VUD23" s="61"/>
      <c r="VUE23" s="61"/>
      <c r="VUF23" s="61"/>
      <c r="VUG23" s="61"/>
      <c r="VUH23" s="62"/>
      <c r="VUI23" s="56"/>
      <c r="VUJ23" s="61"/>
      <c r="VUK23" s="61"/>
      <c r="VUL23" s="61"/>
      <c r="VUM23" s="61"/>
      <c r="VUN23" s="62"/>
      <c r="VUO23" s="56"/>
      <c r="VUP23" s="61"/>
      <c r="VUQ23" s="61"/>
      <c r="VUR23" s="61"/>
      <c r="VUS23" s="61"/>
      <c r="VUT23" s="62"/>
      <c r="VUU23" s="56"/>
      <c r="VUV23" s="61"/>
      <c r="VUW23" s="61"/>
      <c r="VUX23" s="61"/>
      <c r="VUY23" s="61"/>
      <c r="VUZ23" s="62"/>
      <c r="VVA23" s="56"/>
      <c r="VVB23" s="61"/>
      <c r="VVC23" s="61"/>
      <c r="VVD23" s="61"/>
      <c r="VVE23" s="61"/>
      <c r="VVF23" s="62"/>
      <c r="VVG23" s="56"/>
      <c r="VVH23" s="61"/>
      <c r="VVI23" s="61"/>
      <c r="VVJ23" s="61"/>
      <c r="VVK23" s="61"/>
      <c r="VVL23" s="62"/>
      <c r="VVM23" s="56"/>
      <c r="VVN23" s="61"/>
      <c r="VVO23" s="61"/>
      <c r="VVP23" s="61"/>
      <c r="VVQ23" s="61"/>
      <c r="VVR23" s="62"/>
      <c r="VVS23" s="56"/>
      <c r="VVT23" s="61"/>
      <c r="VVU23" s="61"/>
      <c r="VVV23" s="61"/>
      <c r="VVW23" s="61"/>
      <c r="VVX23" s="62"/>
      <c r="VVY23" s="56"/>
      <c r="VVZ23" s="61"/>
      <c r="VWA23" s="61"/>
      <c r="VWB23" s="61"/>
      <c r="VWC23" s="61"/>
      <c r="VWD23" s="62"/>
      <c r="VWE23" s="56"/>
      <c r="VWF23" s="61"/>
      <c r="VWG23" s="61"/>
      <c r="VWH23" s="61"/>
      <c r="VWI23" s="61"/>
      <c r="VWJ23" s="62"/>
      <c r="VWK23" s="56"/>
      <c r="VWL23" s="61"/>
      <c r="VWM23" s="61"/>
      <c r="VWN23" s="61"/>
      <c r="VWO23" s="61"/>
      <c r="VWP23" s="62"/>
      <c r="VWQ23" s="56"/>
      <c r="VWR23" s="61"/>
      <c r="VWS23" s="61"/>
      <c r="VWT23" s="61"/>
      <c r="VWU23" s="61"/>
      <c r="VWV23" s="62"/>
      <c r="VWW23" s="56"/>
      <c r="VWX23" s="61"/>
      <c r="VWY23" s="61"/>
      <c r="VWZ23" s="61"/>
      <c r="VXA23" s="61"/>
      <c r="VXB23" s="62"/>
      <c r="VXC23" s="56"/>
      <c r="VXD23" s="61"/>
      <c r="VXE23" s="61"/>
      <c r="VXF23" s="61"/>
      <c r="VXG23" s="61"/>
      <c r="VXH23" s="62"/>
      <c r="VXI23" s="56"/>
      <c r="VXJ23" s="61"/>
      <c r="VXK23" s="61"/>
      <c r="VXL23" s="61"/>
      <c r="VXM23" s="61"/>
      <c r="VXN23" s="62"/>
      <c r="VXO23" s="56"/>
      <c r="VXP23" s="61"/>
      <c r="VXQ23" s="61"/>
      <c r="VXR23" s="61"/>
      <c r="VXS23" s="61"/>
      <c r="VXT23" s="62"/>
      <c r="VXU23" s="56"/>
      <c r="VXV23" s="61"/>
      <c r="VXW23" s="61"/>
      <c r="VXX23" s="61"/>
      <c r="VXY23" s="61"/>
      <c r="VXZ23" s="62"/>
      <c r="VYA23" s="56"/>
      <c r="VYB23" s="61"/>
      <c r="VYC23" s="61"/>
      <c r="VYD23" s="61"/>
      <c r="VYE23" s="61"/>
      <c r="VYF23" s="62"/>
      <c r="VYG23" s="56"/>
      <c r="VYH23" s="61"/>
      <c r="VYI23" s="61"/>
      <c r="VYJ23" s="61"/>
      <c r="VYK23" s="61"/>
      <c r="VYL23" s="62"/>
      <c r="VYM23" s="56"/>
      <c r="VYN23" s="61"/>
      <c r="VYO23" s="61"/>
      <c r="VYP23" s="61"/>
      <c r="VYQ23" s="61"/>
      <c r="VYR23" s="62"/>
      <c r="VYS23" s="56"/>
      <c r="VYT23" s="61"/>
      <c r="VYU23" s="61"/>
      <c r="VYV23" s="61"/>
      <c r="VYW23" s="61"/>
      <c r="VYX23" s="62"/>
      <c r="VYY23" s="56"/>
      <c r="VYZ23" s="61"/>
      <c r="VZA23" s="61"/>
      <c r="VZB23" s="61"/>
      <c r="VZC23" s="61"/>
      <c r="VZD23" s="62"/>
      <c r="VZE23" s="56"/>
      <c r="VZF23" s="61"/>
      <c r="VZG23" s="61"/>
      <c r="VZH23" s="61"/>
      <c r="VZI23" s="61"/>
      <c r="VZJ23" s="62"/>
      <c r="VZK23" s="56"/>
      <c r="VZL23" s="61"/>
      <c r="VZM23" s="61"/>
      <c r="VZN23" s="61"/>
      <c r="VZO23" s="61"/>
      <c r="VZP23" s="62"/>
      <c r="VZQ23" s="56"/>
      <c r="VZR23" s="61"/>
      <c r="VZS23" s="61"/>
      <c r="VZT23" s="61"/>
      <c r="VZU23" s="61"/>
      <c r="VZV23" s="62"/>
      <c r="VZW23" s="56"/>
      <c r="VZX23" s="61"/>
      <c r="VZY23" s="61"/>
      <c r="VZZ23" s="61"/>
      <c r="WAA23" s="61"/>
      <c r="WAB23" s="62"/>
      <c r="WAC23" s="56"/>
      <c r="WAD23" s="61"/>
      <c r="WAE23" s="61"/>
      <c r="WAF23" s="61"/>
      <c r="WAG23" s="61"/>
      <c r="WAH23" s="62"/>
      <c r="WAI23" s="56"/>
      <c r="WAJ23" s="61"/>
      <c r="WAK23" s="61"/>
      <c r="WAL23" s="61"/>
      <c r="WAM23" s="61"/>
      <c r="WAN23" s="62"/>
      <c r="WAO23" s="56"/>
      <c r="WAP23" s="61"/>
      <c r="WAQ23" s="61"/>
      <c r="WAR23" s="61"/>
      <c r="WAS23" s="61"/>
      <c r="WAT23" s="62"/>
      <c r="WAU23" s="56"/>
      <c r="WAV23" s="61"/>
      <c r="WAW23" s="61"/>
      <c r="WAX23" s="61"/>
      <c r="WAY23" s="61"/>
      <c r="WAZ23" s="62"/>
      <c r="WBA23" s="56"/>
      <c r="WBB23" s="61"/>
      <c r="WBC23" s="61"/>
      <c r="WBD23" s="61"/>
      <c r="WBE23" s="61"/>
      <c r="WBF23" s="62"/>
      <c r="WBG23" s="56"/>
      <c r="WBH23" s="61"/>
      <c r="WBI23" s="61"/>
      <c r="WBJ23" s="61"/>
      <c r="WBK23" s="61"/>
      <c r="WBL23" s="62"/>
      <c r="WBM23" s="56"/>
      <c r="WBN23" s="61"/>
      <c r="WBO23" s="61"/>
      <c r="WBP23" s="61"/>
      <c r="WBQ23" s="61"/>
      <c r="WBR23" s="62"/>
      <c r="WBS23" s="56"/>
      <c r="WBT23" s="61"/>
      <c r="WBU23" s="61"/>
      <c r="WBV23" s="61"/>
      <c r="WBW23" s="61"/>
      <c r="WBX23" s="62"/>
      <c r="WBY23" s="56"/>
      <c r="WBZ23" s="61"/>
      <c r="WCA23" s="61"/>
      <c r="WCB23" s="61"/>
      <c r="WCC23" s="61"/>
      <c r="WCD23" s="62"/>
      <c r="WCE23" s="56"/>
      <c r="WCF23" s="61"/>
      <c r="WCG23" s="61"/>
      <c r="WCH23" s="61"/>
      <c r="WCI23" s="61"/>
      <c r="WCJ23" s="62"/>
      <c r="WCK23" s="56"/>
      <c r="WCL23" s="61"/>
      <c r="WCM23" s="61"/>
      <c r="WCN23" s="61"/>
      <c r="WCO23" s="61"/>
      <c r="WCP23" s="62"/>
      <c r="WCQ23" s="56"/>
      <c r="WCR23" s="61"/>
      <c r="WCS23" s="61"/>
      <c r="WCT23" s="61"/>
      <c r="WCU23" s="61"/>
      <c r="WCV23" s="62"/>
      <c r="WCW23" s="56"/>
      <c r="WCX23" s="61"/>
      <c r="WCY23" s="61"/>
      <c r="WCZ23" s="61"/>
      <c r="WDA23" s="61"/>
      <c r="WDB23" s="62"/>
      <c r="WDC23" s="56"/>
      <c r="WDD23" s="61"/>
      <c r="WDE23" s="61"/>
      <c r="WDF23" s="61"/>
      <c r="WDG23" s="61"/>
      <c r="WDH23" s="62"/>
      <c r="WDI23" s="56"/>
      <c r="WDJ23" s="61"/>
      <c r="WDK23" s="61"/>
      <c r="WDL23" s="61"/>
      <c r="WDM23" s="61"/>
      <c r="WDN23" s="62"/>
      <c r="WDO23" s="56"/>
      <c r="WDP23" s="61"/>
      <c r="WDQ23" s="61"/>
      <c r="WDR23" s="61"/>
      <c r="WDS23" s="61"/>
      <c r="WDT23" s="62"/>
      <c r="WDU23" s="56"/>
      <c r="WDV23" s="61"/>
      <c r="WDW23" s="61"/>
      <c r="WDX23" s="61"/>
      <c r="WDY23" s="61"/>
      <c r="WDZ23" s="62"/>
      <c r="WEA23" s="56"/>
      <c r="WEB23" s="61"/>
      <c r="WEC23" s="61"/>
      <c r="WED23" s="61"/>
      <c r="WEE23" s="61"/>
      <c r="WEF23" s="62"/>
      <c r="WEG23" s="56"/>
      <c r="WEH23" s="61"/>
      <c r="WEI23" s="61"/>
      <c r="WEJ23" s="61"/>
      <c r="WEK23" s="61"/>
      <c r="WEL23" s="62"/>
      <c r="WEM23" s="56"/>
      <c r="WEN23" s="61"/>
      <c r="WEO23" s="61"/>
      <c r="WEP23" s="61"/>
      <c r="WEQ23" s="61"/>
      <c r="WER23" s="62"/>
      <c r="WES23" s="56"/>
      <c r="WET23" s="61"/>
      <c r="WEU23" s="61"/>
      <c r="WEV23" s="61"/>
      <c r="WEW23" s="61"/>
      <c r="WEX23" s="62"/>
      <c r="WEY23" s="56"/>
      <c r="WEZ23" s="61"/>
      <c r="WFA23" s="61"/>
      <c r="WFB23" s="61"/>
      <c r="WFC23" s="61"/>
      <c r="WFD23" s="62"/>
      <c r="WFE23" s="56"/>
      <c r="WFF23" s="61"/>
      <c r="WFG23" s="61"/>
      <c r="WFH23" s="61"/>
      <c r="WFI23" s="61"/>
      <c r="WFJ23" s="62"/>
      <c r="WFK23" s="56"/>
      <c r="WFL23" s="61"/>
      <c r="WFM23" s="61"/>
      <c r="WFN23" s="61"/>
      <c r="WFO23" s="61"/>
      <c r="WFP23" s="62"/>
      <c r="WFQ23" s="56"/>
      <c r="WFR23" s="61"/>
      <c r="WFS23" s="61"/>
      <c r="WFT23" s="61"/>
      <c r="WFU23" s="61"/>
      <c r="WFV23" s="62"/>
      <c r="WFW23" s="56"/>
      <c r="WFX23" s="61"/>
      <c r="WFY23" s="61"/>
      <c r="WFZ23" s="61"/>
      <c r="WGA23" s="61"/>
      <c r="WGB23" s="62"/>
      <c r="WGC23" s="56"/>
      <c r="WGD23" s="61"/>
      <c r="WGE23" s="61"/>
      <c r="WGF23" s="61"/>
      <c r="WGG23" s="61"/>
      <c r="WGH23" s="62"/>
      <c r="WGI23" s="56"/>
      <c r="WGJ23" s="61"/>
      <c r="WGK23" s="61"/>
      <c r="WGL23" s="61"/>
      <c r="WGM23" s="61"/>
      <c r="WGN23" s="62"/>
      <c r="WGO23" s="56"/>
      <c r="WGP23" s="61"/>
      <c r="WGQ23" s="61"/>
      <c r="WGR23" s="61"/>
      <c r="WGS23" s="61"/>
      <c r="WGT23" s="62"/>
      <c r="WGU23" s="56"/>
      <c r="WGV23" s="61"/>
      <c r="WGW23" s="61"/>
      <c r="WGX23" s="61"/>
      <c r="WGY23" s="61"/>
      <c r="WGZ23" s="62"/>
      <c r="WHA23" s="56"/>
      <c r="WHB23" s="61"/>
      <c r="WHC23" s="61"/>
      <c r="WHD23" s="61"/>
      <c r="WHE23" s="61"/>
      <c r="WHF23" s="62"/>
      <c r="WHG23" s="56"/>
      <c r="WHH23" s="61"/>
      <c r="WHI23" s="61"/>
      <c r="WHJ23" s="61"/>
      <c r="WHK23" s="61"/>
      <c r="WHL23" s="62"/>
      <c r="WHM23" s="56"/>
      <c r="WHN23" s="61"/>
      <c r="WHO23" s="61"/>
      <c r="WHP23" s="61"/>
      <c r="WHQ23" s="61"/>
      <c r="WHR23" s="62"/>
      <c r="WHS23" s="56"/>
      <c r="WHT23" s="61"/>
      <c r="WHU23" s="61"/>
      <c r="WHV23" s="61"/>
      <c r="WHW23" s="61"/>
      <c r="WHX23" s="62"/>
      <c r="WHY23" s="56"/>
      <c r="WHZ23" s="61"/>
      <c r="WIA23" s="61"/>
      <c r="WIB23" s="61"/>
      <c r="WIC23" s="61"/>
      <c r="WID23" s="62"/>
      <c r="WIE23" s="56"/>
      <c r="WIF23" s="61"/>
      <c r="WIG23" s="61"/>
      <c r="WIH23" s="61"/>
      <c r="WII23" s="61"/>
      <c r="WIJ23" s="62"/>
      <c r="WIK23" s="56"/>
      <c r="WIL23" s="61"/>
      <c r="WIM23" s="61"/>
      <c r="WIN23" s="61"/>
      <c r="WIO23" s="61"/>
      <c r="WIP23" s="62"/>
      <c r="WIQ23" s="56"/>
      <c r="WIR23" s="61"/>
      <c r="WIS23" s="61"/>
      <c r="WIT23" s="61"/>
      <c r="WIU23" s="61"/>
      <c r="WIV23" s="62"/>
      <c r="WIW23" s="56"/>
      <c r="WIX23" s="61"/>
      <c r="WIY23" s="61"/>
      <c r="WIZ23" s="61"/>
      <c r="WJA23" s="61"/>
      <c r="WJB23" s="62"/>
      <c r="WJC23" s="56"/>
      <c r="WJD23" s="61"/>
      <c r="WJE23" s="61"/>
      <c r="WJF23" s="61"/>
      <c r="WJG23" s="61"/>
      <c r="WJH23" s="62"/>
      <c r="WJI23" s="56"/>
      <c r="WJJ23" s="61"/>
      <c r="WJK23" s="61"/>
      <c r="WJL23" s="61"/>
      <c r="WJM23" s="61"/>
      <c r="WJN23" s="62"/>
      <c r="WJO23" s="56"/>
      <c r="WJP23" s="61"/>
      <c r="WJQ23" s="61"/>
      <c r="WJR23" s="61"/>
      <c r="WJS23" s="61"/>
      <c r="WJT23" s="62"/>
      <c r="WJU23" s="56"/>
      <c r="WJV23" s="61"/>
      <c r="WJW23" s="61"/>
      <c r="WJX23" s="61"/>
      <c r="WJY23" s="61"/>
      <c r="WJZ23" s="62"/>
      <c r="WKA23" s="56"/>
      <c r="WKB23" s="61"/>
      <c r="WKC23" s="61"/>
      <c r="WKD23" s="61"/>
      <c r="WKE23" s="61"/>
      <c r="WKF23" s="62"/>
      <c r="WKG23" s="56"/>
      <c r="WKH23" s="61"/>
      <c r="WKI23" s="61"/>
      <c r="WKJ23" s="61"/>
      <c r="WKK23" s="61"/>
      <c r="WKL23" s="62"/>
      <c r="WKM23" s="56"/>
      <c r="WKN23" s="61"/>
      <c r="WKO23" s="61"/>
      <c r="WKP23" s="61"/>
      <c r="WKQ23" s="61"/>
      <c r="WKR23" s="62"/>
      <c r="WKS23" s="56"/>
      <c r="WKT23" s="61"/>
      <c r="WKU23" s="61"/>
      <c r="WKV23" s="61"/>
      <c r="WKW23" s="61"/>
      <c r="WKX23" s="62"/>
      <c r="WKY23" s="56"/>
      <c r="WKZ23" s="61"/>
      <c r="WLA23" s="61"/>
      <c r="WLB23" s="61"/>
      <c r="WLC23" s="61"/>
      <c r="WLD23" s="62"/>
      <c r="WLE23" s="56"/>
      <c r="WLF23" s="61"/>
      <c r="WLG23" s="61"/>
      <c r="WLH23" s="61"/>
      <c r="WLI23" s="61"/>
      <c r="WLJ23" s="62"/>
      <c r="WLK23" s="56"/>
      <c r="WLL23" s="61"/>
      <c r="WLM23" s="61"/>
      <c r="WLN23" s="61"/>
      <c r="WLO23" s="61"/>
      <c r="WLP23" s="62"/>
      <c r="WLQ23" s="56"/>
      <c r="WLR23" s="61"/>
      <c r="WLS23" s="61"/>
      <c r="WLT23" s="61"/>
      <c r="WLU23" s="61"/>
      <c r="WLV23" s="62"/>
      <c r="WLW23" s="56"/>
      <c r="WLX23" s="61"/>
      <c r="WLY23" s="61"/>
      <c r="WLZ23" s="61"/>
      <c r="WMA23" s="61"/>
      <c r="WMB23" s="62"/>
      <c r="WMC23" s="56"/>
      <c r="WMD23" s="61"/>
      <c r="WME23" s="61"/>
      <c r="WMF23" s="61"/>
      <c r="WMG23" s="61"/>
      <c r="WMH23" s="62"/>
      <c r="WMI23" s="56"/>
      <c r="WMJ23" s="61"/>
      <c r="WMK23" s="61"/>
      <c r="WML23" s="61"/>
      <c r="WMM23" s="61"/>
      <c r="WMN23" s="62"/>
      <c r="WMO23" s="56"/>
      <c r="WMP23" s="61"/>
      <c r="WMQ23" s="61"/>
      <c r="WMR23" s="61"/>
      <c r="WMS23" s="61"/>
      <c r="WMT23" s="62"/>
      <c r="WMU23" s="56"/>
      <c r="WMV23" s="61"/>
      <c r="WMW23" s="61"/>
      <c r="WMX23" s="61"/>
      <c r="WMY23" s="61"/>
      <c r="WMZ23" s="62"/>
      <c r="WNA23" s="56"/>
      <c r="WNB23" s="61"/>
      <c r="WNC23" s="61"/>
      <c r="WND23" s="61"/>
      <c r="WNE23" s="61"/>
      <c r="WNF23" s="62"/>
      <c r="WNG23" s="56"/>
      <c r="WNH23" s="61"/>
      <c r="WNI23" s="61"/>
      <c r="WNJ23" s="61"/>
      <c r="WNK23" s="61"/>
      <c r="WNL23" s="62"/>
      <c r="WNM23" s="56"/>
      <c r="WNN23" s="61"/>
      <c r="WNO23" s="61"/>
      <c r="WNP23" s="61"/>
      <c r="WNQ23" s="61"/>
      <c r="WNR23" s="62"/>
      <c r="WNS23" s="56"/>
      <c r="WNT23" s="61"/>
      <c r="WNU23" s="61"/>
      <c r="WNV23" s="61"/>
      <c r="WNW23" s="61"/>
      <c r="WNX23" s="62"/>
      <c r="WNY23" s="56"/>
      <c r="WNZ23" s="61"/>
      <c r="WOA23" s="61"/>
      <c r="WOB23" s="61"/>
      <c r="WOC23" s="61"/>
      <c r="WOD23" s="62"/>
      <c r="WOE23" s="56"/>
      <c r="WOF23" s="61"/>
      <c r="WOG23" s="61"/>
      <c r="WOH23" s="61"/>
      <c r="WOI23" s="61"/>
      <c r="WOJ23" s="62"/>
      <c r="WOK23" s="56"/>
      <c r="WOL23" s="61"/>
      <c r="WOM23" s="61"/>
      <c r="WON23" s="61"/>
      <c r="WOO23" s="61"/>
      <c r="WOP23" s="62"/>
      <c r="WOQ23" s="56"/>
      <c r="WOR23" s="61"/>
      <c r="WOS23" s="61"/>
      <c r="WOT23" s="61"/>
      <c r="WOU23" s="61"/>
      <c r="WOV23" s="62"/>
      <c r="WOW23" s="56"/>
      <c r="WOX23" s="61"/>
      <c r="WOY23" s="61"/>
      <c r="WOZ23" s="61"/>
      <c r="WPA23" s="61"/>
      <c r="WPB23" s="62"/>
      <c r="WPC23" s="56"/>
      <c r="WPD23" s="61"/>
      <c r="WPE23" s="61"/>
      <c r="WPF23" s="61"/>
      <c r="WPG23" s="61"/>
      <c r="WPH23" s="62"/>
      <c r="WPI23" s="56"/>
      <c r="WPJ23" s="61"/>
      <c r="WPK23" s="61"/>
      <c r="WPL23" s="61"/>
      <c r="WPM23" s="61"/>
      <c r="WPN23" s="62"/>
      <c r="WPO23" s="56"/>
      <c r="WPP23" s="61"/>
      <c r="WPQ23" s="61"/>
      <c r="WPR23" s="61"/>
      <c r="WPS23" s="61"/>
      <c r="WPT23" s="62"/>
      <c r="WPU23" s="56"/>
      <c r="WPV23" s="61"/>
      <c r="WPW23" s="61"/>
      <c r="WPX23" s="61"/>
      <c r="WPY23" s="61"/>
      <c r="WPZ23" s="62"/>
      <c r="WQA23" s="56"/>
      <c r="WQB23" s="61"/>
      <c r="WQC23" s="61"/>
      <c r="WQD23" s="61"/>
      <c r="WQE23" s="61"/>
      <c r="WQF23" s="62"/>
      <c r="WQG23" s="56"/>
      <c r="WQH23" s="61"/>
      <c r="WQI23" s="61"/>
      <c r="WQJ23" s="61"/>
      <c r="WQK23" s="61"/>
      <c r="WQL23" s="62"/>
      <c r="WQM23" s="56"/>
      <c r="WQN23" s="61"/>
      <c r="WQO23" s="61"/>
      <c r="WQP23" s="61"/>
      <c r="WQQ23" s="61"/>
      <c r="WQR23" s="62"/>
      <c r="WQS23" s="56"/>
      <c r="WQT23" s="61"/>
      <c r="WQU23" s="61"/>
      <c r="WQV23" s="61"/>
      <c r="WQW23" s="61"/>
      <c r="WQX23" s="62"/>
      <c r="WQY23" s="56"/>
      <c r="WQZ23" s="61"/>
      <c r="WRA23" s="61"/>
      <c r="WRB23" s="61"/>
      <c r="WRC23" s="61"/>
      <c r="WRD23" s="62"/>
      <c r="WRE23" s="56"/>
      <c r="WRF23" s="61"/>
      <c r="WRG23" s="61"/>
      <c r="WRH23" s="61"/>
      <c r="WRI23" s="61"/>
      <c r="WRJ23" s="62"/>
      <c r="WRK23" s="56"/>
      <c r="WRL23" s="61"/>
      <c r="WRM23" s="61"/>
      <c r="WRN23" s="61"/>
      <c r="WRO23" s="61"/>
      <c r="WRP23" s="62"/>
      <c r="WRQ23" s="56"/>
      <c r="WRR23" s="61"/>
      <c r="WRS23" s="61"/>
      <c r="WRT23" s="61"/>
      <c r="WRU23" s="61"/>
      <c r="WRV23" s="62"/>
      <c r="WRW23" s="56"/>
      <c r="WRX23" s="61"/>
      <c r="WRY23" s="61"/>
      <c r="WRZ23" s="61"/>
      <c r="WSA23" s="61"/>
      <c r="WSB23" s="62"/>
      <c r="WSC23" s="56"/>
      <c r="WSD23" s="61"/>
      <c r="WSE23" s="61"/>
      <c r="WSF23" s="61"/>
      <c r="WSG23" s="61"/>
      <c r="WSH23" s="62"/>
      <c r="WSI23" s="56"/>
      <c r="WSJ23" s="61"/>
      <c r="WSK23" s="61"/>
      <c r="WSL23" s="61"/>
      <c r="WSM23" s="61"/>
      <c r="WSN23" s="62"/>
      <c r="WSO23" s="56"/>
      <c r="WSP23" s="61"/>
      <c r="WSQ23" s="61"/>
      <c r="WSR23" s="61"/>
      <c r="WSS23" s="61"/>
      <c r="WST23" s="62"/>
      <c r="WSU23" s="56"/>
      <c r="WSV23" s="61"/>
      <c r="WSW23" s="61"/>
      <c r="WSX23" s="61"/>
      <c r="WSY23" s="61"/>
      <c r="WSZ23" s="62"/>
      <c r="WTA23" s="56"/>
      <c r="WTB23" s="61"/>
      <c r="WTC23" s="61"/>
      <c r="WTD23" s="61"/>
      <c r="WTE23" s="61"/>
      <c r="WTF23" s="62"/>
      <c r="WTG23" s="56"/>
      <c r="WTH23" s="61"/>
      <c r="WTI23" s="61"/>
      <c r="WTJ23" s="61"/>
      <c r="WTK23" s="61"/>
      <c r="WTL23" s="62"/>
      <c r="WTM23" s="56"/>
      <c r="WTN23" s="61"/>
      <c r="WTO23" s="61"/>
      <c r="WTP23" s="61"/>
      <c r="WTQ23" s="61"/>
      <c r="WTR23" s="62"/>
      <c r="WTS23" s="56"/>
      <c r="WTT23" s="61"/>
      <c r="WTU23" s="61"/>
      <c r="WTV23" s="61"/>
      <c r="WTW23" s="61"/>
      <c r="WTX23" s="62"/>
      <c r="WTY23" s="56"/>
      <c r="WTZ23" s="61"/>
      <c r="WUA23" s="61"/>
      <c r="WUB23" s="61"/>
      <c r="WUC23" s="61"/>
      <c r="WUD23" s="62"/>
      <c r="WUE23" s="56"/>
      <c r="WUF23" s="61"/>
      <c r="WUG23" s="61"/>
      <c r="WUH23" s="61"/>
      <c r="WUI23" s="61"/>
      <c r="WUJ23" s="62"/>
      <c r="WUK23" s="56"/>
      <c r="WUL23" s="61"/>
      <c r="WUM23" s="61"/>
      <c r="WUN23" s="61"/>
      <c r="WUO23" s="61"/>
      <c r="WUP23" s="62"/>
      <c r="WUQ23" s="56"/>
      <c r="WUR23" s="61"/>
      <c r="WUS23" s="61"/>
      <c r="WUT23" s="61"/>
      <c r="WUU23" s="61"/>
      <c r="WUV23" s="62"/>
      <c r="WUW23" s="56"/>
      <c r="WUX23" s="61"/>
      <c r="WUY23" s="61"/>
      <c r="WUZ23" s="61"/>
      <c r="WVA23" s="61"/>
      <c r="WVB23" s="62"/>
      <c r="WVC23" s="56"/>
      <c r="WVD23" s="61"/>
      <c r="WVE23" s="61"/>
      <c r="WVF23" s="61"/>
      <c r="WVG23" s="61"/>
      <c r="WVH23" s="62"/>
      <c r="WVI23" s="56"/>
      <c r="WVJ23" s="61"/>
      <c r="WVK23" s="61"/>
      <c r="WVL23" s="61"/>
      <c r="WVM23" s="61"/>
      <c r="WVN23" s="62"/>
      <c r="WVO23" s="56"/>
      <c r="WVP23" s="61"/>
      <c r="WVQ23" s="61"/>
      <c r="WVR23" s="61"/>
      <c r="WVS23" s="61"/>
      <c r="WVT23" s="62"/>
      <c r="WVU23" s="56"/>
      <c r="WVV23" s="61"/>
      <c r="WVW23" s="61"/>
      <c r="WVX23" s="61"/>
      <c r="WVY23" s="61"/>
      <c r="WVZ23" s="62"/>
      <c r="WWA23" s="56"/>
      <c r="WWB23" s="61"/>
      <c r="WWC23" s="61"/>
      <c r="WWD23" s="61"/>
      <c r="WWE23" s="61"/>
      <c r="WWF23" s="62"/>
      <c r="WWG23" s="56"/>
      <c r="WWH23" s="61"/>
      <c r="WWI23" s="61"/>
      <c r="WWJ23" s="61"/>
      <c r="WWK23" s="61"/>
      <c r="WWL23" s="62"/>
      <c r="WWM23" s="56"/>
      <c r="WWN23" s="61"/>
      <c r="WWO23" s="61"/>
      <c r="WWP23" s="61"/>
      <c r="WWQ23" s="61"/>
      <c r="WWR23" s="62"/>
      <c r="WWS23" s="56"/>
      <c r="WWT23" s="61"/>
      <c r="WWU23" s="61"/>
      <c r="WWV23" s="61"/>
      <c r="WWW23" s="61"/>
      <c r="WWX23" s="62"/>
      <c r="WWY23" s="56"/>
      <c r="WWZ23" s="61"/>
      <c r="WXA23" s="61"/>
      <c r="WXB23" s="61"/>
      <c r="WXC23" s="61"/>
      <c r="WXD23" s="62"/>
      <c r="WXE23" s="56"/>
      <c r="WXF23" s="61"/>
      <c r="WXG23" s="61"/>
      <c r="WXH23" s="61"/>
      <c r="WXI23" s="61"/>
      <c r="WXJ23" s="62"/>
      <c r="WXK23" s="56"/>
      <c r="WXL23" s="61"/>
      <c r="WXM23" s="61"/>
      <c r="WXN23" s="61"/>
      <c r="WXO23" s="61"/>
      <c r="WXP23" s="62"/>
      <c r="WXQ23" s="56"/>
      <c r="WXR23" s="61"/>
      <c r="WXS23" s="61"/>
      <c r="WXT23" s="61"/>
      <c r="WXU23" s="61"/>
      <c r="WXV23" s="62"/>
      <c r="WXW23" s="56"/>
      <c r="WXX23" s="61"/>
      <c r="WXY23" s="61"/>
      <c r="WXZ23" s="61"/>
      <c r="WYA23" s="61"/>
      <c r="WYB23" s="62"/>
      <c r="WYC23" s="56"/>
      <c r="WYD23" s="61"/>
      <c r="WYE23" s="61"/>
      <c r="WYF23" s="61"/>
      <c r="WYG23" s="61"/>
      <c r="WYH23" s="62"/>
      <c r="WYI23" s="56"/>
      <c r="WYJ23" s="61"/>
      <c r="WYK23" s="61"/>
      <c r="WYL23" s="61"/>
      <c r="WYM23" s="61"/>
      <c r="WYN23" s="62"/>
      <c r="WYO23" s="56"/>
      <c r="WYP23" s="61"/>
      <c r="WYQ23" s="61"/>
      <c r="WYR23" s="61"/>
      <c r="WYS23" s="61"/>
      <c r="WYT23" s="62"/>
      <c r="WYU23" s="56"/>
      <c r="WYV23" s="61"/>
      <c r="WYW23" s="61"/>
      <c r="WYX23" s="61"/>
      <c r="WYY23" s="61"/>
      <c r="WYZ23" s="62"/>
      <c r="WZA23" s="56"/>
      <c r="WZB23" s="61"/>
      <c r="WZC23" s="61"/>
      <c r="WZD23" s="61"/>
      <c r="WZE23" s="61"/>
      <c r="WZF23" s="62"/>
      <c r="WZG23" s="56"/>
      <c r="WZH23" s="61"/>
      <c r="WZI23" s="61"/>
      <c r="WZJ23" s="61"/>
      <c r="WZK23" s="61"/>
      <c r="WZL23" s="62"/>
      <c r="WZM23" s="56"/>
      <c r="WZN23" s="61"/>
      <c r="WZO23" s="61"/>
      <c r="WZP23" s="61"/>
      <c r="WZQ23" s="61"/>
      <c r="WZR23" s="62"/>
      <c r="WZS23" s="56"/>
      <c r="WZT23" s="61"/>
      <c r="WZU23" s="61"/>
      <c r="WZV23" s="61"/>
      <c r="WZW23" s="61"/>
      <c r="WZX23" s="62"/>
      <c r="WZY23" s="56"/>
      <c r="WZZ23" s="61"/>
      <c r="XAA23" s="61"/>
      <c r="XAB23" s="61"/>
      <c r="XAC23" s="61"/>
      <c r="XAD23" s="62"/>
      <c r="XAE23" s="56"/>
      <c r="XAF23" s="61"/>
      <c r="XAG23" s="61"/>
      <c r="XAH23" s="61"/>
      <c r="XAI23" s="61"/>
      <c r="XAJ23" s="62"/>
      <c r="XAK23" s="56"/>
      <c r="XAL23" s="61"/>
      <c r="XAM23" s="61"/>
      <c r="XAN23" s="61"/>
      <c r="XAO23" s="61"/>
      <c r="XAP23" s="62"/>
      <c r="XAQ23" s="56"/>
      <c r="XAR23" s="61"/>
      <c r="XAS23" s="61"/>
      <c r="XAT23" s="61"/>
      <c r="XAU23" s="61"/>
      <c r="XAV23" s="62"/>
      <c r="XAW23" s="56"/>
      <c r="XAX23" s="61"/>
      <c r="XAY23" s="61"/>
      <c r="XAZ23" s="61"/>
      <c r="XBA23" s="61"/>
      <c r="XBB23" s="62"/>
      <c r="XBC23" s="56"/>
      <c r="XBD23" s="61"/>
      <c r="XBE23" s="61"/>
      <c r="XBF23" s="61"/>
      <c r="XBG23" s="61"/>
      <c r="XBH23" s="62"/>
      <c r="XBI23" s="56"/>
      <c r="XBJ23" s="61"/>
      <c r="XBK23" s="61"/>
      <c r="XBL23" s="61"/>
      <c r="XBM23" s="61"/>
      <c r="XBN23" s="62"/>
      <c r="XBO23" s="56"/>
      <c r="XBP23" s="61"/>
      <c r="XBQ23" s="61"/>
      <c r="XBR23" s="61"/>
      <c r="XBS23" s="61"/>
      <c r="XBT23" s="62"/>
      <c r="XBU23" s="56"/>
      <c r="XBV23" s="61"/>
      <c r="XBW23" s="61"/>
      <c r="XBX23" s="61"/>
      <c r="XBY23" s="61"/>
      <c r="XBZ23" s="62"/>
      <c r="XCA23" s="56"/>
      <c r="XCB23" s="61"/>
      <c r="XCC23" s="61"/>
      <c r="XCD23" s="61"/>
      <c r="XCE23" s="61"/>
      <c r="XCF23" s="62"/>
      <c r="XCG23" s="56"/>
      <c r="XCH23" s="61"/>
      <c r="XCI23" s="61"/>
      <c r="XCJ23" s="61"/>
      <c r="XCK23" s="61"/>
      <c r="XCL23" s="62"/>
      <c r="XCM23" s="56"/>
      <c r="XCN23" s="61"/>
      <c r="XCO23" s="61"/>
      <c r="XCP23" s="61"/>
      <c r="XCQ23" s="61"/>
      <c r="XCR23" s="62"/>
      <c r="XCS23" s="56"/>
      <c r="XCT23" s="61"/>
      <c r="XCU23" s="61"/>
      <c r="XCV23" s="61"/>
      <c r="XCW23" s="61"/>
      <c r="XCX23" s="62"/>
      <c r="XCY23" s="56"/>
      <c r="XCZ23" s="61"/>
      <c r="XDA23" s="61"/>
      <c r="XDB23" s="61"/>
      <c r="XDC23" s="61"/>
      <c r="XDD23" s="62"/>
      <c r="XDE23" s="56"/>
      <c r="XDF23" s="61"/>
      <c r="XDG23" s="61"/>
      <c r="XDH23" s="61"/>
      <c r="XDI23" s="61"/>
      <c r="XDJ23" s="62"/>
      <c r="XDK23" s="56"/>
      <c r="XDL23" s="61"/>
      <c r="XDM23" s="61"/>
      <c r="XDN23" s="61"/>
      <c r="XDO23" s="61"/>
      <c r="XDP23" s="62"/>
      <c r="XDQ23" s="56"/>
      <c r="XDR23" s="61"/>
      <c r="XDS23" s="61"/>
      <c r="XDT23" s="61"/>
      <c r="XDU23" s="61"/>
      <c r="XDV23" s="62"/>
      <c r="XDW23" s="56"/>
      <c r="XDX23" s="61"/>
      <c r="XDY23" s="61"/>
      <c r="XDZ23" s="61"/>
      <c r="XEA23" s="61"/>
      <c r="XEB23" s="62"/>
      <c r="XEC23" s="56"/>
      <c r="XED23" s="61"/>
      <c r="XEE23" s="61"/>
      <c r="XEF23" s="61"/>
      <c r="XEG23" s="61"/>
      <c r="XEH23" s="62"/>
      <c r="XEI23" s="56"/>
      <c r="XEJ23" s="61"/>
      <c r="XEK23" s="61"/>
      <c r="XEL23" s="61"/>
      <c r="XEM23" s="61"/>
      <c r="XEN23" s="62"/>
      <c r="XEO23" s="56"/>
      <c r="XEP23" s="61"/>
      <c r="XEQ23" s="61"/>
      <c r="XER23" s="61"/>
      <c r="XES23" s="61"/>
      <c r="XET23" s="62"/>
      <c r="XEU23" s="56"/>
      <c r="XEV23" s="61"/>
      <c r="XEW23" s="61"/>
      <c r="XEX23" s="61"/>
      <c r="XEY23" s="61"/>
      <c r="XEZ23" s="62"/>
      <c r="XFA23" s="56"/>
      <c r="XFB23" s="61"/>
      <c r="XFC23" s="61"/>
      <c r="XFD23" s="61"/>
    </row>
    <row r="24" spans="1:16384" s="51" customFormat="1">
      <c r="B24" s="60" t="s">
        <v>168</v>
      </c>
      <c r="C24" s="53">
        <v>47078.3</v>
      </c>
      <c r="D24" s="53">
        <v>46901</v>
      </c>
      <c r="E24" s="53">
        <v>46793</v>
      </c>
      <c r="F24" s="53">
        <v>47901</v>
      </c>
      <c r="G24" s="54">
        <v>3766.3</v>
      </c>
      <c r="J24" s="55"/>
    </row>
    <row r="25" spans="1:16384">
      <c r="A25" s="56"/>
      <c r="B25" s="61" t="s">
        <v>156</v>
      </c>
      <c r="C25" s="61">
        <v>22564.1</v>
      </c>
      <c r="D25" s="61">
        <v>22243</v>
      </c>
      <c r="E25" s="61">
        <v>22272</v>
      </c>
      <c r="F25" s="62">
        <v>23180</v>
      </c>
      <c r="G25" s="56">
        <v>1805.1</v>
      </c>
      <c r="H25" s="61"/>
      <c r="I25" s="61"/>
      <c r="J25" s="61"/>
      <c r="K25" s="61"/>
      <c r="L25" s="62"/>
      <c r="M25" s="56"/>
      <c r="N25" s="61"/>
      <c r="O25" s="61"/>
      <c r="P25" s="61"/>
      <c r="Q25" s="61"/>
      <c r="R25" s="62"/>
      <c r="S25" s="56"/>
      <c r="T25" s="61"/>
      <c r="U25" s="61"/>
      <c r="V25" s="61"/>
      <c r="W25" s="61"/>
      <c r="X25" s="62"/>
      <c r="Y25" s="56"/>
      <c r="Z25" s="61"/>
      <c r="AA25" s="61"/>
      <c r="AB25" s="61"/>
      <c r="AC25" s="61"/>
      <c r="AD25" s="62"/>
      <c r="AE25" s="56"/>
      <c r="AF25" s="61"/>
      <c r="AG25" s="61"/>
      <c r="AH25" s="61"/>
      <c r="AI25" s="61"/>
      <c r="AJ25" s="62"/>
      <c r="AK25" s="56"/>
      <c r="AL25" s="61"/>
      <c r="AM25" s="61"/>
      <c r="AN25" s="61"/>
      <c r="AO25" s="61"/>
      <c r="AP25" s="62"/>
      <c r="AQ25" s="56"/>
      <c r="AR25" s="61"/>
      <c r="AS25" s="61"/>
      <c r="AT25" s="61"/>
      <c r="AU25" s="61"/>
      <c r="AV25" s="62"/>
      <c r="AW25" s="56"/>
      <c r="AX25" s="61"/>
      <c r="AY25" s="61"/>
      <c r="AZ25" s="61"/>
      <c r="BA25" s="61"/>
      <c r="BB25" s="62"/>
      <c r="BC25" s="56"/>
      <c r="BD25" s="61"/>
      <c r="BE25" s="61"/>
      <c r="BF25" s="61"/>
      <c r="BG25" s="61"/>
      <c r="BH25" s="62"/>
      <c r="BI25" s="56"/>
      <c r="BJ25" s="61"/>
      <c r="BK25" s="61"/>
      <c r="BL25" s="61"/>
      <c r="BM25" s="61"/>
      <c r="BN25" s="62"/>
      <c r="BO25" s="56"/>
      <c r="BP25" s="61"/>
      <c r="BQ25" s="61"/>
      <c r="BR25" s="61"/>
      <c r="BS25" s="61"/>
      <c r="BT25" s="62"/>
      <c r="BU25" s="56"/>
      <c r="BV25" s="61"/>
      <c r="BW25" s="61"/>
      <c r="BX25" s="61"/>
      <c r="BY25" s="61"/>
      <c r="BZ25" s="62"/>
      <c r="CA25" s="56"/>
      <c r="CB25" s="61"/>
      <c r="CC25" s="61"/>
      <c r="CD25" s="61"/>
      <c r="CE25" s="61"/>
      <c r="CF25" s="62"/>
      <c r="CG25" s="56"/>
      <c r="CH25" s="61"/>
      <c r="CI25" s="61"/>
      <c r="CJ25" s="61"/>
      <c r="CK25" s="61"/>
      <c r="CL25" s="62"/>
      <c r="CM25" s="56"/>
      <c r="CN25" s="61"/>
      <c r="CO25" s="61"/>
      <c r="CP25" s="61"/>
      <c r="CQ25" s="61"/>
      <c r="CR25" s="62"/>
      <c r="CS25" s="56"/>
      <c r="CT25" s="61"/>
      <c r="CU25" s="61"/>
      <c r="CV25" s="61"/>
      <c r="CW25" s="61"/>
      <c r="CX25" s="62"/>
      <c r="CY25" s="56"/>
      <c r="CZ25" s="61"/>
      <c r="DA25" s="61"/>
      <c r="DB25" s="61"/>
      <c r="DC25" s="61"/>
      <c r="DD25" s="62"/>
      <c r="DE25" s="56"/>
      <c r="DF25" s="61"/>
      <c r="DG25" s="61"/>
      <c r="DH25" s="61"/>
      <c r="DI25" s="61"/>
      <c r="DJ25" s="62"/>
      <c r="DK25" s="56"/>
      <c r="DL25" s="61"/>
      <c r="DM25" s="61"/>
      <c r="DN25" s="61"/>
      <c r="DO25" s="61"/>
      <c r="DP25" s="62"/>
      <c r="DQ25" s="56"/>
      <c r="DR25" s="61"/>
      <c r="DS25" s="61"/>
      <c r="DT25" s="61"/>
      <c r="DU25" s="61"/>
      <c r="DV25" s="62"/>
      <c r="DW25" s="56"/>
      <c r="DX25" s="61"/>
      <c r="DY25" s="61"/>
      <c r="DZ25" s="61"/>
      <c r="EA25" s="61"/>
      <c r="EB25" s="62"/>
      <c r="EC25" s="56"/>
      <c r="ED25" s="61"/>
      <c r="EE25" s="61"/>
      <c r="EF25" s="61"/>
      <c r="EG25" s="61"/>
      <c r="EH25" s="62"/>
      <c r="EI25" s="56"/>
      <c r="EJ25" s="61"/>
      <c r="EK25" s="61"/>
      <c r="EL25" s="61"/>
      <c r="EM25" s="61"/>
      <c r="EN25" s="62"/>
      <c r="EO25" s="56"/>
      <c r="EP25" s="61"/>
      <c r="EQ25" s="61"/>
      <c r="ER25" s="61"/>
      <c r="ES25" s="61"/>
      <c r="ET25" s="62"/>
      <c r="EU25" s="56"/>
      <c r="EV25" s="61"/>
      <c r="EW25" s="61"/>
      <c r="EX25" s="61"/>
      <c r="EY25" s="61"/>
      <c r="EZ25" s="62"/>
      <c r="FA25" s="56"/>
      <c r="FB25" s="61"/>
      <c r="FC25" s="61"/>
      <c r="FD25" s="61"/>
      <c r="FE25" s="61"/>
      <c r="FF25" s="62"/>
      <c r="FG25" s="56"/>
      <c r="FH25" s="61"/>
      <c r="FI25" s="61"/>
      <c r="FJ25" s="61"/>
      <c r="FK25" s="61"/>
      <c r="FL25" s="62"/>
      <c r="FM25" s="56"/>
      <c r="FN25" s="61"/>
      <c r="FO25" s="61"/>
      <c r="FP25" s="61"/>
      <c r="FQ25" s="61"/>
      <c r="FR25" s="62"/>
      <c r="FS25" s="56"/>
      <c r="FT25" s="61"/>
      <c r="FU25" s="61"/>
      <c r="FV25" s="61"/>
      <c r="FW25" s="61"/>
      <c r="FX25" s="62"/>
      <c r="FY25" s="56"/>
      <c r="FZ25" s="61"/>
      <c r="GA25" s="61"/>
      <c r="GB25" s="61"/>
      <c r="GC25" s="61"/>
      <c r="GD25" s="62"/>
      <c r="GE25" s="56"/>
      <c r="GF25" s="61"/>
      <c r="GG25" s="61"/>
      <c r="GH25" s="61"/>
      <c r="GI25" s="61"/>
      <c r="GJ25" s="62"/>
      <c r="GK25" s="56"/>
      <c r="GL25" s="61"/>
      <c r="GM25" s="61"/>
      <c r="GN25" s="61"/>
      <c r="GO25" s="61"/>
      <c r="GP25" s="62"/>
      <c r="GQ25" s="56"/>
      <c r="GR25" s="61"/>
      <c r="GS25" s="61"/>
      <c r="GT25" s="61"/>
      <c r="GU25" s="61"/>
      <c r="GV25" s="62"/>
      <c r="GW25" s="56"/>
      <c r="GX25" s="61"/>
      <c r="GY25" s="61"/>
      <c r="GZ25" s="61"/>
      <c r="HA25" s="61"/>
      <c r="HB25" s="62"/>
      <c r="HC25" s="56"/>
      <c r="HD25" s="61"/>
      <c r="HE25" s="61"/>
      <c r="HF25" s="61"/>
      <c r="HG25" s="61"/>
      <c r="HH25" s="62"/>
      <c r="HI25" s="56"/>
      <c r="HJ25" s="61"/>
      <c r="HK25" s="61"/>
      <c r="HL25" s="61"/>
      <c r="HM25" s="61"/>
      <c r="HN25" s="62"/>
      <c r="HO25" s="56"/>
      <c r="HP25" s="61"/>
      <c r="HQ25" s="61"/>
      <c r="HR25" s="61"/>
      <c r="HS25" s="61"/>
      <c r="HT25" s="62"/>
      <c r="HU25" s="56"/>
      <c r="HV25" s="61"/>
      <c r="HW25" s="61"/>
      <c r="HX25" s="61"/>
      <c r="HY25" s="61"/>
      <c r="HZ25" s="62"/>
      <c r="IA25" s="56"/>
      <c r="IB25" s="61"/>
      <c r="IC25" s="61"/>
      <c r="ID25" s="61"/>
      <c r="IE25" s="61"/>
      <c r="IF25" s="62"/>
      <c r="IG25" s="56"/>
      <c r="IH25" s="61"/>
      <c r="II25" s="61"/>
      <c r="IJ25" s="61"/>
      <c r="IK25" s="61"/>
      <c r="IL25" s="62"/>
      <c r="IM25" s="56"/>
      <c r="IN25" s="61"/>
      <c r="IO25" s="61"/>
      <c r="IP25" s="61"/>
      <c r="IQ25" s="61"/>
      <c r="IR25" s="62"/>
      <c r="IS25" s="56"/>
      <c r="IT25" s="61"/>
      <c r="IU25" s="61"/>
      <c r="IV25" s="61"/>
      <c r="IW25" s="61"/>
      <c r="IX25" s="62"/>
      <c r="IY25" s="56"/>
      <c r="IZ25" s="61"/>
      <c r="JA25" s="61"/>
      <c r="JB25" s="61"/>
      <c r="JC25" s="61"/>
      <c r="JD25" s="62"/>
      <c r="JE25" s="56"/>
      <c r="JF25" s="61"/>
      <c r="JG25" s="61"/>
      <c r="JH25" s="61"/>
      <c r="JI25" s="61"/>
      <c r="JJ25" s="62"/>
      <c r="JK25" s="56"/>
      <c r="JL25" s="61"/>
      <c r="JM25" s="61"/>
      <c r="JN25" s="61"/>
      <c r="JO25" s="61"/>
      <c r="JP25" s="62"/>
      <c r="JQ25" s="56"/>
      <c r="JR25" s="61"/>
      <c r="JS25" s="61"/>
      <c r="JT25" s="61"/>
      <c r="JU25" s="61"/>
      <c r="JV25" s="62"/>
      <c r="JW25" s="56"/>
      <c r="JX25" s="61"/>
      <c r="JY25" s="61"/>
      <c r="JZ25" s="61"/>
      <c r="KA25" s="61"/>
      <c r="KB25" s="62"/>
      <c r="KC25" s="56"/>
      <c r="KD25" s="61"/>
      <c r="KE25" s="61"/>
      <c r="KF25" s="61"/>
      <c r="KG25" s="61"/>
      <c r="KH25" s="62"/>
      <c r="KI25" s="56"/>
      <c r="KJ25" s="61"/>
      <c r="KK25" s="61"/>
      <c r="KL25" s="61"/>
      <c r="KM25" s="61"/>
      <c r="KN25" s="62"/>
      <c r="KO25" s="56"/>
      <c r="KP25" s="61"/>
      <c r="KQ25" s="61"/>
      <c r="KR25" s="61"/>
      <c r="KS25" s="61"/>
      <c r="KT25" s="62"/>
      <c r="KU25" s="56"/>
      <c r="KV25" s="61"/>
      <c r="KW25" s="61"/>
      <c r="KX25" s="61"/>
      <c r="KY25" s="61"/>
      <c r="KZ25" s="62"/>
      <c r="LA25" s="56"/>
      <c r="LB25" s="61"/>
      <c r="LC25" s="61"/>
      <c r="LD25" s="61"/>
      <c r="LE25" s="61"/>
      <c r="LF25" s="62"/>
      <c r="LG25" s="56"/>
      <c r="LH25" s="61"/>
      <c r="LI25" s="61"/>
      <c r="LJ25" s="61"/>
      <c r="LK25" s="61"/>
      <c r="LL25" s="62"/>
      <c r="LM25" s="56"/>
      <c r="LN25" s="61"/>
      <c r="LO25" s="61"/>
      <c r="LP25" s="61"/>
      <c r="LQ25" s="61"/>
      <c r="LR25" s="62"/>
      <c r="LS25" s="56"/>
      <c r="LT25" s="61"/>
      <c r="LU25" s="61"/>
      <c r="LV25" s="61"/>
      <c r="LW25" s="61"/>
      <c r="LX25" s="62"/>
      <c r="LY25" s="56"/>
      <c r="LZ25" s="61"/>
      <c r="MA25" s="61"/>
      <c r="MB25" s="61"/>
      <c r="MC25" s="61"/>
      <c r="MD25" s="62"/>
      <c r="ME25" s="56"/>
      <c r="MF25" s="61"/>
      <c r="MG25" s="61"/>
      <c r="MH25" s="61"/>
      <c r="MI25" s="61"/>
      <c r="MJ25" s="62"/>
      <c r="MK25" s="56"/>
      <c r="ML25" s="61"/>
      <c r="MM25" s="61"/>
      <c r="MN25" s="61"/>
      <c r="MO25" s="61"/>
      <c r="MP25" s="62"/>
      <c r="MQ25" s="56"/>
      <c r="MR25" s="61"/>
      <c r="MS25" s="61"/>
      <c r="MT25" s="61"/>
      <c r="MU25" s="61"/>
      <c r="MV25" s="62"/>
      <c r="MW25" s="56"/>
      <c r="MX25" s="61"/>
      <c r="MY25" s="61"/>
      <c r="MZ25" s="61"/>
      <c r="NA25" s="61"/>
      <c r="NB25" s="62"/>
      <c r="NC25" s="56"/>
      <c r="ND25" s="61"/>
      <c r="NE25" s="61"/>
      <c r="NF25" s="61"/>
      <c r="NG25" s="61"/>
      <c r="NH25" s="62"/>
      <c r="NI25" s="56"/>
      <c r="NJ25" s="61"/>
      <c r="NK25" s="61"/>
      <c r="NL25" s="61"/>
      <c r="NM25" s="61"/>
      <c r="NN25" s="62"/>
      <c r="NO25" s="56"/>
      <c r="NP25" s="61"/>
      <c r="NQ25" s="61"/>
      <c r="NR25" s="61"/>
      <c r="NS25" s="61"/>
      <c r="NT25" s="62"/>
      <c r="NU25" s="56"/>
      <c r="NV25" s="61"/>
      <c r="NW25" s="61"/>
      <c r="NX25" s="61"/>
      <c r="NY25" s="61"/>
      <c r="NZ25" s="62"/>
      <c r="OA25" s="56"/>
      <c r="OB25" s="61"/>
      <c r="OC25" s="61"/>
      <c r="OD25" s="61"/>
      <c r="OE25" s="61"/>
      <c r="OF25" s="62"/>
      <c r="OG25" s="56"/>
      <c r="OH25" s="61"/>
      <c r="OI25" s="61"/>
      <c r="OJ25" s="61"/>
      <c r="OK25" s="61"/>
      <c r="OL25" s="62"/>
      <c r="OM25" s="56"/>
      <c r="ON25" s="61"/>
      <c r="OO25" s="61"/>
      <c r="OP25" s="61"/>
      <c r="OQ25" s="61"/>
      <c r="OR25" s="62"/>
      <c r="OS25" s="56"/>
      <c r="OT25" s="61"/>
      <c r="OU25" s="61"/>
      <c r="OV25" s="61"/>
      <c r="OW25" s="61"/>
      <c r="OX25" s="62"/>
      <c r="OY25" s="56"/>
      <c r="OZ25" s="61"/>
      <c r="PA25" s="61"/>
      <c r="PB25" s="61"/>
      <c r="PC25" s="61"/>
      <c r="PD25" s="62"/>
      <c r="PE25" s="56"/>
      <c r="PF25" s="61"/>
      <c r="PG25" s="61"/>
      <c r="PH25" s="61"/>
      <c r="PI25" s="61"/>
      <c r="PJ25" s="62"/>
      <c r="PK25" s="56"/>
      <c r="PL25" s="61"/>
      <c r="PM25" s="61"/>
      <c r="PN25" s="61"/>
      <c r="PO25" s="61"/>
      <c r="PP25" s="62"/>
      <c r="PQ25" s="56"/>
      <c r="PR25" s="61"/>
      <c r="PS25" s="61"/>
      <c r="PT25" s="61"/>
      <c r="PU25" s="61"/>
      <c r="PV25" s="62"/>
      <c r="PW25" s="56"/>
      <c r="PX25" s="61"/>
      <c r="PY25" s="61"/>
      <c r="PZ25" s="61"/>
      <c r="QA25" s="61"/>
      <c r="QB25" s="62"/>
      <c r="QC25" s="56"/>
      <c r="QD25" s="61"/>
      <c r="QE25" s="61"/>
      <c r="QF25" s="61"/>
      <c r="QG25" s="61"/>
      <c r="QH25" s="62"/>
      <c r="QI25" s="56"/>
      <c r="QJ25" s="61"/>
      <c r="QK25" s="61"/>
      <c r="QL25" s="61"/>
      <c r="QM25" s="61"/>
      <c r="QN25" s="62"/>
      <c r="QO25" s="56"/>
      <c r="QP25" s="61"/>
      <c r="QQ25" s="61"/>
      <c r="QR25" s="61"/>
      <c r="QS25" s="61"/>
      <c r="QT25" s="62"/>
      <c r="QU25" s="56"/>
      <c r="QV25" s="61"/>
      <c r="QW25" s="61"/>
      <c r="QX25" s="61"/>
      <c r="QY25" s="61"/>
      <c r="QZ25" s="62"/>
      <c r="RA25" s="56"/>
      <c r="RB25" s="61"/>
      <c r="RC25" s="61"/>
      <c r="RD25" s="61"/>
      <c r="RE25" s="61"/>
      <c r="RF25" s="62"/>
      <c r="RG25" s="56"/>
      <c r="RH25" s="61"/>
      <c r="RI25" s="61"/>
      <c r="RJ25" s="61"/>
      <c r="RK25" s="61"/>
      <c r="RL25" s="62"/>
      <c r="RM25" s="56"/>
      <c r="RN25" s="61"/>
      <c r="RO25" s="61"/>
      <c r="RP25" s="61"/>
      <c r="RQ25" s="61"/>
      <c r="RR25" s="62"/>
      <c r="RS25" s="56"/>
      <c r="RT25" s="61"/>
      <c r="RU25" s="61"/>
      <c r="RV25" s="61"/>
      <c r="RW25" s="61"/>
      <c r="RX25" s="62"/>
      <c r="RY25" s="56"/>
      <c r="RZ25" s="61"/>
      <c r="SA25" s="61"/>
      <c r="SB25" s="61"/>
      <c r="SC25" s="61"/>
      <c r="SD25" s="62"/>
      <c r="SE25" s="56"/>
      <c r="SF25" s="61"/>
      <c r="SG25" s="61"/>
      <c r="SH25" s="61"/>
      <c r="SI25" s="61"/>
      <c r="SJ25" s="62"/>
      <c r="SK25" s="56"/>
      <c r="SL25" s="61"/>
      <c r="SM25" s="61"/>
      <c r="SN25" s="61"/>
      <c r="SO25" s="61"/>
      <c r="SP25" s="62"/>
      <c r="SQ25" s="56"/>
      <c r="SR25" s="61"/>
      <c r="SS25" s="61"/>
      <c r="ST25" s="61"/>
      <c r="SU25" s="61"/>
      <c r="SV25" s="62"/>
      <c r="SW25" s="56"/>
      <c r="SX25" s="61"/>
      <c r="SY25" s="61"/>
      <c r="SZ25" s="61"/>
      <c r="TA25" s="61"/>
      <c r="TB25" s="62"/>
      <c r="TC25" s="56"/>
      <c r="TD25" s="61"/>
      <c r="TE25" s="61"/>
      <c r="TF25" s="61"/>
      <c r="TG25" s="61"/>
      <c r="TH25" s="62"/>
      <c r="TI25" s="56"/>
      <c r="TJ25" s="61"/>
      <c r="TK25" s="61"/>
      <c r="TL25" s="61"/>
      <c r="TM25" s="61"/>
      <c r="TN25" s="62"/>
      <c r="TO25" s="56"/>
      <c r="TP25" s="61"/>
      <c r="TQ25" s="61"/>
      <c r="TR25" s="61"/>
      <c r="TS25" s="61"/>
      <c r="TT25" s="62"/>
      <c r="TU25" s="56"/>
      <c r="TV25" s="61"/>
      <c r="TW25" s="61"/>
      <c r="TX25" s="61"/>
      <c r="TY25" s="61"/>
      <c r="TZ25" s="62"/>
      <c r="UA25" s="56"/>
      <c r="UB25" s="61"/>
      <c r="UC25" s="61"/>
      <c r="UD25" s="61"/>
      <c r="UE25" s="61"/>
      <c r="UF25" s="62"/>
      <c r="UG25" s="56"/>
      <c r="UH25" s="61"/>
      <c r="UI25" s="61"/>
      <c r="UJ25" s="61"/>
      <c r="UK25" s="61"/>
      <c r="UL25" s="62"/>
      <c r="UM25" s="56"/>
      <c r="UN25" s="61"/>
      <c r="UO25" s="61"/>
      <c r="UP25" s="61"/>
      <c r="UQ25" s="61"/>
      <c r="UR25" s="62"/>
      <c r="US25" s="56"/>
      <c r="UT25" s="61"/>
      <c r="UU25" s="61"/>
      <c r="UV25" s="61"/>
      <c r="UW25" s="61"/>
      <c r="UX25" s="62"/>
      <c r="UY25" s="56"/>
      <c r="UZ25" s="61"/>
      <c r="VA25" s="61"/>
      <c r="VB25" s="61"/>
      <c r="VC25" s="61"/>
      <c r="VD25" s="62"/>
      <c r="VE25" s="56"/>
      <c r="VF25" s="61"/>
      <c r="VG25" s="61"/>
      <c r="VH25" s="61"/>
      <c r="VI25" s="61"/>
      <c r="VJ25" s="62"/>
      <c r="VK25" s="56"/>
      <c r="VL25" s="61"/>
      <c r="VM25" s="61"/>
      <c r="VN25" s="61"/>
      <c r="VO25" s="61"/>
      <c r="VP25" s="62"/>
      <c r="VQ25" s="56"/>
      <c r="VR25" s="61"/>
      <c r="VS25" s="61"/>
      <c r="VT25" s="61"/>
      <c r="VU25" s="61"/>
      <c r="VV25" s="62"/>
      <c r="VW25" s="56"/>
      <c r="VX25" s="61"/>
      <c r="VY25" s="61"/>
      <c r="VZ25" s="61"/>
      <c r="WA25" s="61"/>
      <c r="WB25" s="62"/>
      <c r="WC25" s="56"/>
      <c r="WD25" s="61"/>
      <c r="WE25" s="61"/>
      <c r="WF25" s="61"/>
      <c r="WG25" s="61"/>
      <c r="WH25" s="62"/>
      <c r="WI25" s="56"/>
      <c r="WJ25" s="61"/>
      <c r="WK25" s="61"/>
      <c r="WL25" s="61"/>
      <c r="WM25" s="61"/>
      <c r="WN25" s="62"/>
      <c r="WO25" s="56"/>
      <c r="WP25" s="61"/>
      <c r="WQ25" s="61"/>
      <c r="WR25" s="61"/>
      <c r="WS25" s="61"/>
      <c r="WT25" s="62"/>
      <c r="WU25" s="56"/>
      <c r="WV25" s="61"/>
      <c r="WW25" s="61"/>
      <c r="WX25" s="61"/>
      <c r="WY25" s="61"/>
      <c r="WZ25" s="62"/>
      <c r="XA25" s="56"/>
      <c r="XB25" s="61"/>
      <c r="XC25" s="61"/>
      <c r="XD25" s="61"/>
      <c r="XE25" s="61"/>
      <c r="XF25" s="62"/>
      <c r="XG25" s="56"/>
      <c r="XH25" s="61"/>
      <c r="XI25" s="61"/>
      <c r="XJ25" s="61"/>
      <c r="XK25" s="61"/>
      <c r="XL25" s="62"/>
      <c r="XM25" s="56"/>
      <c r="XN25" s="61"/>
      <c r="XO25" s="61"/>
      <c r="XP25" s="61"/>
      <c r="XQ25" s="61"/>
      <c r="XR25" s="62"/>
      <c r="XS25" s="56"/>
      <c r="XT25" s="61"/>
      <c r="XU25" s="61"/>
      <c r="XV25" s="61"/>
      <c r="XW25" s="61"/>
      <c r="XX25" s="62"/>
      <c r="XY25" s="56"/>
      <c r="XZ25" s="61"/>
      <c r="YA25" s="61"/>
      <c r="YB25" s="61"/>
      <c r="YC25" s="61"/>
      <c r="YD25" s="62"/>
      <c r="YE25" s="56"/>
      <c r="YF25" s="61"/>
      <c r="YG25" s="61"/>
      <c r="YH25" s="61"/>
      <c r="YI25" s="61"/>
      <c r="YJ25" s="62"/>
      <c r="YK25" s="56"/>
      <c r="YL25" s="61"/>
      <c r="YM25" s="61"/>
      <c r="YN25" s="61"/>
      <c r="YO25" s="61"/>
      <c r="YP25" s="62"/>
      <c r="YQ25" s="56"/>
      <c r="YR25" s="61"/>
      <c r="YS25" s="61"/>
      <c r="YT25" s="61"/>
      <c r="YU25" s="61"/>
      <c r="YV25" s="62"/>
      <c r="YW25" s="56"/>
      <c r="YX25" s="61"/>
      <c r="YY25" s="61"/>
      <c r="YZ25" s="61"/>
      <c r="ZA25" s="61"/>
      <c r="ZB25" s="62"/>
      <c r="ZC25" s="56"/>
      <c r="ZD25" s="61"/>
      <c r="ZE25" s="61"/>
      <c r="ZF25" s="61"/>
      <c r="ZG25" s="61"/>
      <c r="ZH25" s="62"/>
      <c r="ZI25" s="56"/>
      <c r="ZJ25" s="61"/>
      <c r="ZK25" s="61"/>
      <c r="ZL25" s="61"/>
      <c r="ZM25" s="61"/>
      <c r="ZN25" s="62"/>
      <c r="ZO25" s="56"/>
      <c r="ZP25" s="61"/>
      <c r="ZQ25" s="61"/>
      <c r="ZR25" s="61"/>
      <c r="ZS25" s="61"/>
      <c r="ZT25" s="62"/>
      <c r="ZU25" s="56"/>
      <c r="ZV25" s="61"/>
      <c r="ZW25" s="61"/>
      <c r="ZX25" s="61"/>
      <c r="ZY25" s="61"/>
      <c r="ZZ25" s="62"/>
      <c r="AAA25" s="56"/>
      <c r="AAB25" s="61"/>
      <c r="AAC25" s="61"/>
      <c r="AAD25" s="61"/>
      <c r="AAE25" s="61"/>
      <c r="AAF25" s="62"/>
      <c r="AAG25" s="56"/>
      <c r="AAH25" s="61"/>
      <c r="AAI25" s="61"/>
      <c r="AAJ25" s="61"/>
      <c r="AAK25" s="61"/>
      <c r="AAL25" s="62"/>
      <c r="AAM25" s="56"/>
      <c r="AAN25" s="61"/>
      <c r="AAO25" s="61"/>
      <c r="AAP25" s="61"/>
      <c r="AAQ25" s="61"/>
      <c r="AAR25" s="62"/>
      <c r="AAS25" s="56"/>
      <c r="AAT25" s="61"/>
      <c r="AAU25" s="61"/>
      <c r="AAV25" s="61"/>
      <c r="AAW25" s="61"/>
      <c r="AAX25" s="62"/>
      <c r="AAY25" s="56"/>
      <c r="AAZ25" s="61"/>
      <c r="ABA25" s="61"/>
      <c r="ABB25" s="61"/>
      <c r="ABC25" s="61"/>
      <c r="ABD25" s="62"/>
      <c r="ABE25" s="56"/>
      <c r="ABF25" s="61"/>
      <c r="ABG25" s="61"/>
      <c r="ABH25" s="61"/>
      <c r="ABI25" s="61"/>
      <c r="ABJ25" s="62"/>
      <c r="ABK25" s="56"/>
      <c r="ABL25" s="61"/>
      <c r="ABM25" s="61"/>
      <c r="ABN25" s="61"/>
      <c r="ABO25" s="61"/>
      <c r="ABP25" s="62"/>
      <c r="ABQ25" s="56"/>
      <c r="ABR25" s="61"/>
      <c r="ABS25" s="61"/>
      <c r="ABT25" s="61"/>
      <c r="ABU25" s="61"/>
      <c r="ABV25" s="62"/>
      <c r="ABW25" s="56"/>
      <c r="ABX25" s="61"/>
      <c r="ABY25" s="61"/>
      <c r="ABZ25" s="61"/>
      <c r="ACA25" s="61"/>
      <c r="ACB25" s="62"/>
      <c r="ACC25" s="56"/>
      <c r="ACD25" s="61"/>
      <c r="ACE25" s="61"/>
      <c r="ACF25" s="61"/>
      <c r="ACG25" s="61"/>
      <c r="ACH25" s="62"/>
      <c r="ACI25" s="56"/>
      <c r="ACJ25" s="61"/>
      <c r="ACK25" s="61"/>
      <c r="ACL25" s="61"/>
      <c r="ACM25" s="61"/>
      <c r="ACN25" s="62"/>
      <c r="ACO25" s="56"/>
      <c r="ACP25" s="61"/>
      <c r="ACQ25" s="61"/>
      <c r="ACR25" s="61"/>
      <c r="ACS25" s="61"/>
      <c r="ACT25" s="62"/>
      <c r="ACU25" s="56"/>
      <c r="ACV25" s="61"/>
      <c r="ACW25" s="61"/>
      <c r="ACX25" s="61"/>
      <c r="ACY25" s="61"/>
      <c r="ACZ25" s="62"/>
      <c r="ADA25" s="56"/>
      <c r="ADB25" s="61"/>
      <c r="ADC25" s="61"/>
      <c r="ADD25" s="61"/>
      <c r="ADE25" s="61"/>
      <c r="ADF25" s="62"/>
      <c r="ADG25" s="56"/>
      <c r="ADH25" s="61"/>
      <c r="ADI25" s="61"/>
      <c r="ADJ25" s="61"/>
      <c r="ADK25" s="61"/>
      <c r="ADL25" s="62"/>
      <c r="ADM25" s="56"/>
      <c r="ADN25" s="61"/>
      <c r="ADO25" s="61"/>
      <c r="ADP25" s="61"/>
      <c r="ADQ25" s="61"/>
      <c r="ADR25" s="62"/>
      <c r="ADS25" s="56"/>
      <c r="ADT25" s="61"/>
      <c r="ADU25" s="61"/>
      <c r="ADV25" s="61"/>
      <c r="ADW25" s="61"/>
      <c r="ADX25" s="62"/>
      <c r="ADY25" s="56"/>
      <c r="ADZ25" s="61"/>
      <c r="AEA25" s="61"/>
      <c r="AEB25" s="61"/>
      <c r="AEC25" s="61"/>
      <c r="AED25" s="62"/>
      <c r="AEE25" s="56"/>
      <c r="AEF25" s="61"/>
      <c r="AEG25" s="61"/>
      <c r="AEH25" s="61"/>
      <c r="AEI25" s="61"/>
      <c r="AEJ25" s="62"/>
      <c r="AEK25" s="56"/>
      <c r="AEL25" s="61"/>
      <c r="AEM25" s="61"/>
      <c r="AEN25" s="61"/>
      <c r="AEO25" s="61"/>
      <c r="AEP25" s="62"/>
      <c r="AEQ25" s="56"/>
      <c r="AER25" s="61"/>
      <c r="AES25" s="61"/>
      <c r="AET25" s="61"/>
      <c r="AEU25" s="61"/>
      <c r="AEV25" s="62"/>
      <c r="AEW25" s="56"/>
      <c r="AEX25" s="61"/>
      <c r="AEY25" s="61"/>
      <c r="AEZ25" s="61"/>
      <c r="AFA25" s="61"/>
      <c r="AFB25" s="62"/>
      <c r="AFC25" s="56"/>
      <c r="AFD25" s="61"/>
      <c r="AFE25" s="61"/>
      <c r="AFF25" s="61"/>
      <c r="AFG25" s="61"/>
      <c r="AFH25" s="62"/>
      <c r="AFI25" s="56"/>
      <c r="AFJ25" s="61"/>
      <c r="AFK25" s="61"/>
      <c r="AFL25" s="61"/>
      <c r="AFM25" s="61"/>
      <c r="AFN25" s="62"/>
      <c r="AFO25" s="56"/>
      <c r="AFP25" s="61"/>
      <c r="AFQ25" s="61"/>
      <c r="AFR25" s="61"/>
      <c r="AFS25" s="61"/>
      <c r="AFT25" s="62"/>
      <c r="AFU25" s="56"/>
      <c r="AFV25" s="61"/>
      <c r="AFW25" s="61"/>
      <c r="AFX25" s="61"/>
      <c r="AFY25" s="61"/>
      <c r="AFZ25" s="62"/>
      <c r="AGA25" s="56"/>
      <c r="AGB25" s="61"/>
      <c r="AGC25" s="61"/>
      <c r="AGD25" s="61"/>
      <c r="AGE25" s="61"/>
      <c r="AGF25" s="62"/>
      <c r="AGG25" s="56"/>
      <c r="AGH25" s="61"/>
      <c r="AGI25" s="61"/>
      <c r="AGJ25" s="61"/>
      <c r="AGK25" s="61"/>
      <c r="AGL25" s="62"/>
      <c r="AGM25" s="56"/>
      <c r="AGN25" s="61"/>
      <c r="AGO25" s="61"/>
      <c r="AGP25" s="61"/>
      <c r="AGQ25" s="61"/>
      <c r="AGR25" s="62"/>
      <c r="AGS25" s="56"/>
      <c r="AGT25" s="61"/>
      <c r="AGU25" s="61"/>
      <c r="AGV25" s="61"/>
      <c r="AGW25" s="61"/>
      <c r="AGX25" s="62"/>
      <c r="AGY25" s="56"/>
      <c r="AGZ25" s="61"/>
      <c r="AHA25" s="61"/>
      <c r="AHB25" s="61"/>
      <c r="AHC25" s="61"/>
      <c r="AHD25" s="62"/>
      <c r="AHE25" s="56"/>
      <c r="AHF25" s="61"/>
      <c r="AHG25" s="61"/>
      <c r="AHH25" s="61"/>
      <c r="AHI25" s="61"/>
      <c r="AHJ25" s="62"/>
      <c r="AHK25" s="56"/>
      <c r="AHL25" s="61"/>
      <c r="AHM25" s="61"/>
      <c r="AHN25" s="61"/>
      <c r="AHO25" s="61"/>
      <c r="AHP25" s="62"/>
      <c r="AHQ25" s="56"/>
      <c r="AHR25" s="61"/>
      <c r="AHS25" s="61"/>
      <c r="AHT25" s="61"/>
      <c r="AHU25" s="61"/>
      <c r="AHV25" s="62"/>
      <c r="AHW25" s="56"/>
      <c r="AHX25" s="61"/>
      <c r="AHY25" s="61"/>
      <c r="AHZ25" s="61"/>
      <c r="AIA25" s="61"/>
      <c r="AIB25" s="62"/>
      <c r="AIC25" s="56"/>
      <c r="AID25" s="61"/>
      <c r="AIE25" s="61"/>
      <c r="AIF25" s="61"/>
      <c r="AIG25" s="61"/>
      <c r="AIH25" s="62"/>
      <c r="AII25" s="56"/>
      <c r="AIJ25" s="61"/>
      <c r="AIK25" s="61"/>
      <c r="AIL25" s="61"/>
      <c r="AIM25" s="61"/>
      <c r="AIN25" s="62"/>
      <c r="AIO25" s="56"/>
      <c r="AIP25" s="61"/>
      <c r="AIQ25" s="61"/>
      <c r="AIR25" s="61"/>
      <c r="AIS25" s="61"/>
      <c r="AIT25" s="62"/>
      <c r="AIU25" s="56"/>
      <c r="AIV25" s="61"/>
      <c r="AIW25" s="61"/>
      <c r="AIX25" s="61"/>
      <c r="AIY25" s="61"/>
      <c r="AIZ25" s="62"/>
      <c r="AJA25" s="56"/>
      <c r="AJB25" s="61"/>
      <c r="AJC25" s="61"/>
      <c r="AJD25" s="61"/>
      <c r="AJE25" s="61"/>
      <c r="AJF25" s="62"/>
      <c r="AJG25" s="56"/>
      <c r="AJH25" s="61"/>
      <c r="AJI25" s="61"/>
      <c r="AJJ25" s="61"/>
      <c r="AJK25" s="61"/>
      <c r="AJL25" s="62"/>
      <c r="AJM25" s="56"/>
      <c r="AJN25" s="61"/>
      <c r="AJO25" s="61"/>
      <c r="AJP25" s="61"/>
      <c r="AJQ25" s="61"/>
      <c r="AJR25" s="62"/>
      <c r="AJS25" s="56"/>
      <c r="AJT25" s="61"/>
      <c r="AJU25" s="61"/>
      <c r="AJV25" s="61"/>
      <c r="AJW25" s="61"/>
      <c r="AJX25" s="62"/>
      <c r="AJY25" s="56"/>
      <c r="AJZ25" s="61"/>
      <c r="AKA25" s="61"/>
      <c r="AKB25" s="61"/>
      <c r="AKC25" s="61"/>
      <c r="AKD25" s="62"/>
      <c r="AKE25" s="56"/>
      <c r="AKF25" s="61"/>
      <c r="AKG25" s="61"/>
      <c r="AKH25" s="61"/>
      <c r="AKI25" s="61"/>
      <c r="AKJ25" s="62"/>
      <c r="AKK25" s="56"/>
      <c r="AKL25" s="61"/>
      <c r="AKM25" s="61"/>
      <c r="AKN25" s="61"/>
      <c r="AKO25" s="61"/>
      <c r="AKP25" s="62"/>
      <c r="AKQ25" s="56"/>
      <c r="AKR25" s="61"/>
      <c r="AKS25" s="61"/>
      <c r="AKT25" s="61"/>
      <c r="AKU25" s="61"/>
      <c r="AKV25" s="62"/>
      <c r="AKW25" s="56"/>
      <c r="AKX25" s="61"/>
      <c r="AKY25" s="61"/>
      <c r="AKZ25" s="61"/>
      <c r="ALA25" s="61"/>
      <c r="ALB25" s="62"/>
      <c r="ALC25" s="56"/>
      <c r="ALD25" s="61"/>
      <c r="ALE25" s="61"/>
      <c r="ALF25" s="61"/>
      <c r="ALG25" s="61"/>
      <c r="ALH25" s="62"/>
      <c r="ALI25" s="56"/>
      <c r="ALJ25" s="61"/>
      <c r="ALK25" s="61"/>
      <c r="ALL25" s="61"/>
      <c r="ALM25" s="61"/>
      <c r="ALN25" s="62"/>
      <c r="ALO25" s="56"/>
      <c r="ALP25" s="61"/>
      <c r="ALQ25" s="61"/>
      <c r="ALR25" s="61"/>
      <c r="ALS25" s="61"/>
      <c r="ALT25" s="62"/>
      <c r="ALU25" s="56"/>
      <c r="ALV25" s="61"/>
      <c r="ALW25" s="61"/>
      <c r="ALX25" s="61"/>
      <c r="ALY25" s="61"/>
      <c r="ALZ25" s="62"/>
      <c r="AMA25" s="56"/>
      <c r="AMB25" s="61"/>
      <c r="AMC25" s="61"/>
      <c r="AMD25" s="61"/>
      <c r="AME25" s="61"/>
      <c r="AMF25" s="62"/>
      <c r="AMG25" s="56"/>
      <c r="AMH25" s="61"/>
      <c r="AMI25" s="61"/>
      <c r="AMJ25" s="61"/>
      <c r="AMK25" s="61"/>
      <c r="AML25" s="62"/>
      <c r="AMM25" s="56"/>
      <c r="AMN25" s="61"/>
      <c r="AMO25" s="61"/>
      <c r="AMP25" s="61"/>
      <c r="AMQ25" s="61"/>
      <c r="AMR25" s="62"/>
      <c r="AMS25" s="56"/>
      <c r="AMT25" s="61"/>
      <c r="AMU25" s="61"/>
      <c r="AMV25" s="61"/>
      <c r="AMW25" s="61"/>
      <c r="AMX25" s="62"/>
      <c r="AMY25" s="56"/>
      <c r="AMZ25" s="61"/>
      <c r="ANA25" s="61"/>
      <c r="ANB25" s="61"/>
      <c r="ANC25" s="61"/>
      <c r="AND25" s="62"/>
      <c r="ANE25" s="56"/>
      <c r="ANF25" s="61"/>
      <c r="ANG25" s="61"/>
      <c r="ANH25" s="61"/>
      <c r="ANI25" s="61"/>
      <c r="ANJ25" s="62"/>
      <c r="ANK25" s="56"/>
      <c r="ANL25" s="61"/>
      <c r="ANM25" s="61"/>
      <c r="ANN25" s="61"/>
      <c r="ANO25" s="61"/>
      <c r="ANP25" s="62"/>
      <c r="ANQ25" s="56"/>
      <c r="ANR25" s="61"/>
      <c r="ANS25" s="61"/>
      <c r="ANT25" s="61"/>
      <c r="ANU25" s="61"/>
      <c r="ANV25" s="62"/>
      <c r="ANW25" s="56"/>
      <c r="ANX25" s="61"/>
      <c r="ANY25" s="61"/>
      <c r="ANZ25" s="61"/>
      <c r="AOA25" s="61"/>
      <c r="AOB25" s="62"/>
      <c r="AOC25" s="56"/>
      <c r="AOD25" s="61"/>
      <c r="AOE25" s="61"/>
      <c r="AOF25" s="61"/>
      <c r="AOG25" s="61"/>
      <c r="AOH25" s="62"/>
      <c r="AOI25" s="56"/>
      <c r="AOJ25" s="61"/>
      <c r="AOK25" s="61"/>
      <c r="AOL25" s="61"/>
      <c r="AOM25" s="61"/>
      <c r="AON25" s="62"/>
      <c r="AOO25" s="56"/>
      <c r="AOP25" s="61"/>
      <c r="AOQ25" s="61"/>
      <c r="AOR25" s="61"/>
      <c r="AOS25" s="61"/>
      <c r="AOT25" s="62"/>
      <c r="AOU25" s="56"/>
      <c r="AOV25" s="61"/>
      <c r="AOW25" s="61"/>
      <c r="AOX25" s="61"/>
      <c r="AOY25" s="61"/>
      <c r="AOZ25" s="62"/>
      <c r="APA25" s="56"/>
      <c r="APB25" s="61"/>
      <c r="APC25" s="61"/>
      <c r="APD25" s="61"/>
      <c r="APE25" s="61"/>
      <c r="APF25" s="62"/>
      <c r="APG25" s="56"/>
      <c r="APH25" s="61"/>
      <c r="API25" s="61"/>
      <c r="APJ25" s="61"/>
      <c r="APK25" s="61"/>
      <c r="APL25" s="62"/>
      <c r="APM25" s="56"/>
      <c r="APN25" s="61"/>
      <c r="APO25" s="61"/>
      <c r="APP25" s="61"/>
      <c r="APQ25" s="61"/>
      <c r="APR25" s="62"/>
      <c r="APS25" s="56"/>
      <c r="APT25" s="61"/>
      <c r="APU25" s="61"/>
      <c r="APV25" s="61"/>
      <c r="APW25" s="61"/>
      <c r="APX25" s="62"/>
      <c r="APY25" s="56"/>
      <c r="APZ25" s="61"/>
      <c r="AQA25" s="61"/>
      <c r="AQB25" s="61"/>
      <c r="AQC25" s="61"/>
      <c r="AQD25" s="62"/>
      <c r="AQE25" s="56"/>
      <c r="AQF25" s="61"/>
      <c r="AQG25" s="61"/>
      <c r="AQH25" s="61"/>
      <c r="AQI25" s="61"/>
      <c r="AQJ25" s="62"/>
      <c r="AQK25" s="56"/>
      <c r="AQL25" s="61"/>
      <c r="AQM25" s="61"/>
      <c r="AQN25" s="61"/>
      <c r="AQO25" s="61"/>
      <c r="AQP25" s="62"/>
      <c r="AQQ25" s="56"/>
      <c r="AQR25" s="61"/>
      <c r="AQS25" s="61"/>
      <c r="AQT25" s="61"/>
      <c r="AQU25" s="61"/>
      <c r="AQV25" s="62"/>
      <c r="AQW25" s="56"/>
      <c r="AQX25" s="61"/>
      <c r="AQY25" s="61"/>
      <c r="AQZ25" s="61"/>
      <c r="ARA25" s="61"/>
      <c r="ARB25" s="62"/>
      <c r="ARC25" s="56"/>
      <c r="ARD25" s="61"/>
      <c r="ARE25" s="61"/>
      <c r="ARF25" s="61"/>
      <c r="ARG25" s="61"/>
      <c r="ARH25" s="62"/>
      <c r="ARI25" s="56"/>
      <c r="ARJ25" s="61"/>
      <c r="ARK25" s="61"/>
      <c r="ARL25" s="61"/>
      <c r="ARM25" s="61"/>
      <c r="ARN25" s="62"/>
      <c r="ARO25" s="56"/>
      <c r="ARP25" s="61"/>
      <c r="ARQ25" s="61"/>
      <c r="ARR25" s="61"/>
      <c r="ARS25" s="61"/>
      <c r="ART25" s="62"/>
      <c r="ARU25" s="56"/>
      <c r="ARV25" s="61"/>
      <c r="ARW25" s="61"/>
      <c r="ARX25" s="61"/>
      <c r="ARY25" s="61"/>
      <c r="ARZ25" s="62"/>
      <c r="ASA25" s="56"/>
      <c r="ASB25" s="61"/>
      <c r="ASC25" s="61"/>
      <c r="ASD25" s="61"/>
      <c r="ASE25" s="61"/>
      <c r="ASF25" s="62"/>
      <c r="ASG25" s="56"/>
      <c r="ASH25" s="61"/>
      <c r="ASI25" s="61"/>
      <c r="ASJ25" s="61"/>
      <c r="ASK25" s="61"/>
      <c r="ASL25" s="62"/>
      <c r="ASM25" s="56"/>
      <c r="ASN25" s="61"/>
      <c r="ASO25" s="61"/>
      <c r="ASP25" s="61"/>
      <c r="ASQ25" s="61"/>
      <c r="ASR25" s="62"/>
      <c r="ASS25" s="56"/>
      <c r="AST25" s="61"/>
      <c r="ASU25" s="61"/>
      <c r="ASV25" s="61"/>
      <c r="ASW25" s="61"/>
      <c r="ASX25" s="62"/>
      <c r="ASY25" s="56"/>
      <c r="ASZ25" s="61"/>
      <c r="ATA25" s="61"/>
      <c r="ATB25" s="61"/>
      <c r="ATC25" s="61"/>
      <c r="ATD25" s="62"/>
      <c r="ATE25" s="56"/>
      <c r="ATF25" s="61"/>
      <c r="ATG25" s="61"/>
      <c r="ATH25" s="61"/>
      <c r="ATI25" s="61"/>
      <c r="ATJ25" s="62"/>
      <c r="ATK25" s="56"/>
      <c r="ATL25" s="61"/>
      <c r="ATM25" s="61"/>
      <c r="ATN25" s="61"/>
      <c r="ATO25" s="61"/>
      <c r="ATP25" s="62"/>
      <c r="ATQ25" s="56"/>
      <c r="ATR25" s="61"/>
      <c r="ATS25" s="61"/>
      <c r="ATT25" s="61"/>
      <c r="ATU25" s="61"/>
      <c r="ATV25" s="62"/>
      <c r="ATW25" s="56"/>
      <c r="ATX25" s="61"/>
      <c r="ATY25" s="61"/>
      <c r="ATZ25" s="61"/>
      <c r="AUA25" s="61"/>
      <c r="AUB25" s="62"/>
      <c r="AUC25" s="56"/>
      <c r="AUD25" s="61"/>
      <c r="AUE25" s="61"/>
      <c r="AUF25" s="61"/>
      <c r="AUG25" s="61"/>
      <c r="AUH25" s="62"/>
      <c r="AUI25" s="56"/>
      <c r="AUJ25" s="61"/>
      <c r="AUK25" s="61"/>
      <c r="AUL25" s="61"/>
      <c r="AUM25" s="61"/>
      <c r="AUN25" s="62"/>
      <c r="AUO25" s="56"/>
      <c r="AUP25" s="61"/>
      <c r="AUQ25" s="61"/>
      <c r="AUR25" s="61"/>
      <c r="AUS25" s="61"/>
      <c r="AUT25" s="62"/>
      <c r="AUU25" s="56"/>
      <c r="AUV25" s="61"/>
      <c r="AUW25" s="61"/>
      <c r="AUX25" s="61"/>
      <c r="AUY25" s="61"/>
      <c r="AUZ25" s="62"/>
      <c r="AVA25" s="56"/>
      <c r="AVB25" s="61"/>
      <c r="AVC25" s="61"/>
      <c r="AVD25" s="61"/>
      <c r="AVE25" s="61"/>
      <c r="AVF25" s="62"/>
      <c r="AVG25" s="56"/>
      <c r="AVH25" s="61"/>
      <c r="AVI25" s="61"/>
      <c r="AVJ25" s="61"/>
      <c r="AVK25" s="61"/>
      <c r="AVL25" s="62"/>
      <c r="AVM25" s="56"/>
      <c r="AVN25" s="61"/>
      <c r="AVO25" s="61"/>
      <c r="AVP25" s="61"/>
      <c r="AVQ25" s="61"/>
      <c r="AVR25" s="62"/>
      <c r="AVS25" s="56"/>
      <c r="AVT25" s="61"/>
      <c r="AVU25" s="61"/>
      <c r="AVV25" s="61"/>
      <c r="AVW25" s="61"/>
      <c r="AVX25" s="62"/>
      <c r="AVY25" s="56"/>
      <c r="AVZ25" s="61"/>
      <c r="AWA25" s="61"/>
      <c r="AWB25" s="61"/>
      <c r="AWC25" s="61"/>
      <c r="AWD25" s="62"/>
      <c r="AWE25" s="56"/>
      <c r="AWF25" s="61"/>
      <c r="AWG25" s="61"/>
      <c r="AWH25" s="61"/>
      <c r="AWI25" s="61"/>
      <c r="AWJ25" s="62"/>
      <c r="AWK25" s="56"/>
      <c r="AWL25" s="61"/>
      <c r="AWM25" s="61"/>
      <c r="AWN25" s="61"/>
      <c r="AWO25" s="61"/>
      <c r="AWP25" s="62"/>
      <c r="AWQ25" s="56"/>
      <c r="AWR25" s="61"/>
      <c r="AWS25" s="61"/>
      <c r="AWT25" s="61"/>
      <c r="AWU25" s="61"/>
      <c r="AWV25" s="62"/>
      <c r="AWW25" s="56"/>
      <c r="AWX25" s="61"/>
      <c r="AWY25" s="61"/>
      <c r="AWZ25" s="61"/>
      <c r="AXA25" s="61"/>
      <c r="AXB25" s="62"/>
      <c r="AXC25" s="56"/>
      <c r="AXD25" s="61"/>
      <c r="AXE25" s="61"/>
      <c r="AXF25" s="61"/>
      <c r="AXG25" s="61"/>
      <c r="AXH25" s="62"/>
      <c r="AXI25" s="56"/>
      <c r="AXJ25" s="61"/>
      <c r="AXK25" s="61"/>
      <c r="AXL25" s="61"/>
      <c r="AXM25" s="61"/>
      <c r="AXN25" s="62"/>
      <c r="AXO25" s="56"/>
      <c r="AXP25" s="61"/>
      <c r="AXQ25" s="61"/>
      <c r="AXR25" s="61"/>
      <c r="AXS25" s="61"/>
      <c r="AXT25" s="62"/>
      <c r="AXU25" s="56"/>
      <c r="AXV25" s="61"/>
      <c r="AXW25" s="61"/>
      <c r="AXX25" s="61"/>
      <c r="AXY25" s="61"/>
      <c r="AXZ25" s="62"/>
      <c r="AYA25" s="56"/>
      <c r="AYB25" s="61"/>
      <c r="AYC25" s="61"/>
      <c r="AYD25" s="61"/>
      <c r="AYE25" s="61"/>
      <c r="AYF25" s="62"/>
      <c r="AYG25" s="56"/>
      <c r="AYH25" s="61"/>
      <c r="AYI25" s="61"/>
      <c r="AYJ25" s="61"/>
      <c r="AYK25" s="61"/>
      <c r="AYL25" s="62"/>
      <c r="AYM25" s="56"/>
      <c r="AYN25" s="61"/>
      <c r="AYO25" s="61"/>
      <c r="AYP25" s="61"/>
      <c r="AYQ25" s="61"/>
      <c r="AYR25" s="62"/>
      <c r="AYS25" s="56"/>
      <c r="AYT25" s="61"/>
      <c r="AYU25" s="61"/>
      <c r="AYV25" s="61"/>
      <c r="AYW25" s="61"/>
      <c r="AYX25" s="62"/>
      <c r="AYY25" s="56"/>
      <c r="AYZ25" s="61"/>
      <c r="AZA25" s="61"/>
      <c r="AZB25" s="61"/>
      <c r="AZC25" s="61"/>
      <c r="AZD25" s="62"/>
      <c r="AZE25" s="56"/>
      <c r="AZF25" s="61"/>
      <c r="AZG25" s="61"/>
      <c r="AZH25" s="61"/>
      <c r="AZI25" s="61"/>
      <c r="AZJ25" s="62"/>
      <c r="AZK25" s="56"/>
      <c r="AZL25" s="61"/>
      <c r="AZM25" s="61"/>
      <c r="AZN25" s="61"/>
      <c r="AZO25" s="61"/>
      <c r="AZP25" s="62"/>
      <c r="AZQ25" s="56"/>
      <c r="AZR25" s="61"/>
      <c r="AZS25" s="61"/>
      <c r="AZT25" s="61"/>
      <c r="AZU25" s="61"/>
      <c r="AZV25" s="62"/>
      <c r="AZW25" s="56"/>
      <c r="AZX25" s="61"/>
      <c r="AZY25" s="61"/>
      <c r="AZZ25" s="61"/>
      <c r="BAA25" s="61"/>
      <c r="BAB25" s="62"/>
      <c r="BAC25" s="56"/>
      <c r="BAD25" s="61"/>
      <c r="BAE25" s="61"/>
      <c r="BAF25" s="61"/>
      <c r="BAG25" s="61"/>
      <c r="BAH25" s="62"/>
      <c r="BAI25" s="56"/>
      <c r="BAJ25" s="61"/>
      <c r="BAK25" s="61"/>
      <c r="BAL25" s="61"/>
      <c r="BAM25" s="61"/>
      <c r="BAN25" s="62"/>
      <c r="BAO25" s="56"/>
      <c r="BAP25" s="61"/>
      <c r="BAQ25" s="61"/>
      <c r="BAR25" s="61"/>
      <c r="BAS25" s="61"/>
      <c r="BAT25" s="62"/>
      <c r="BAU25" s="56"/>
      <c r="BAV25" s="61"/>
      <c r="BAW25" s="61"/>
      <c r="BAX25" s="61"/>
      <c r="BAY25" s="61"/>
      <c r="BAZ25" s="62"/>
      <c r="BBA25" s="56"/>
      <c r="BBB25" s="61"/>
      <c r="BBC25" s="61"/>
      <c r="BBD25" s="61"/>
      <c r="BBE25" s="61"/>
      <c r="BBF25" s="62"/>
      <c r="BBG25" s="56"/>
      <c r="BBH25" s="61"/>
      <c r="BBI25" s="61"/>
      <c r="BBJ25" s="61"/>
      <c r="BBK25" s="61"/>
      <c r="BBL25" s="62"/>
      <c r="BBM25" s="56"/>
      <c r="BBN25" s="61"/>
      <c r="BBO25" s="61"/>
      <c r="BBP25" s="61"/>
      <c r="BBQ25" s="61"/>
      <c r="BBR25" s="62"/>
      <c r="BBS25" s="56"/>
      <c r="BBT25" s="61"/>
      <c r="BBU25" s="61"/>
      <c r="BBV25" s="61"/>
      <c r="BBW25" s="61"/>
      <c r="BBX25" s="62"/>
      <c r="BBY25" s="56"/>
      <c r="BBZ25" s="61"/>
      <c r="BCA25" s="61"/>
      <c r="BCB25" s="61"/>
      <c r="BCC25" s="61"/>
      <c r="BCD25" s="62"/>
      <c r="BCE25" s="56"/>
      <c r="BCF25" s="61"/>
      <c r="BCG25" s="61"/>
      <c r="BCH25" s="61"/>
      <c r="BCI25" s="61"/>
      <c r="BCJ25" s="62"/>
      <c r="BCK25" s="56"/>
      <c r="BCL25" s="61"/>
      <c r="BCM25" s="61"/>
      <c r="BCN25" s="61"/>
      <c r="BCO25" s="61"/>
      <c r="BCP25" s="62"/>
      <c r="BCQ25" s="56"/>
      <c r="BCR25" s="61"/>
      <c r="BCS25" s="61"/>
      <c r="BCT25" s="61"/>
      <c r="BCU25" s="61"/>
      <c r="BCV25" s="62"/>
      <c r="BCW25" s="56"/>
      <c r="BCX25" s="61"/>
      <c r="BCY25" s="61"/>
      <c r="BCZ25" s="61"/>
      <c r="BDA25" s="61"/>
      <c r="BDB25" s="62"/>
      <c r="BDC25" s="56"/>
      <c r="BDD25" s="61"/>
      <c r="BDE25" s="61"/>
      <c r="BDF25" s="61"/>
      <c r="BDG25" s="61"/>
      <c r="BDH25" s="62"/>
      <c r="BDI25" s="56"/>
      <c r="BDJ25" s="61"/>
      <c r="BDK25" s="61"/>
      <c r="BDL25" s="61"/>
      <c r="BDM25" s="61"/>
      <c r="BDN25" s="62"/>
      <c r="BDO25" s="56"/>
      <c r="BDP25" s="61"/>
      <c r="BDQ25" s="61"/>
      <c r="BDR25" s="61"/>
      <c r="BDS25" s="61"/>
      <c r="BDT25" s="62"/>
      <c r="BDU25" s="56"/>
      <c r="BDV25" s="61"/>
      <c r="BDW25" s="61"/>
      <c r="BDX25" s="61"/>
      <c r="BDY25" s="61"/>
      <c r="BDZ25" s="62"/>
      <c r="BEA25" s="56"/>
      <c r="BEB25" s="61"/>
      <c r="BEC25" s="61"/>
      <c r="BED25" s="61"/>
      <c r="BEE25" s="61"/>
      <c r="BEF25" s="62"/>
      <c r="BEG25" s="56"/>
      <c r="BEH25" s="61"/>
      <c r="BEI25" s="61"/>
      <c r="BEJ25" s="61"/>
      <c r="BEK25" s="61"/>
      <c r="BEL25" s="62"/>
      <c r="BEM25" s="56"/>
      <c r="BEN25" s="61"/>
      <c r="BEO25" s="61"/>
      <c r="BEP25" s="61"/>
      <c r="BEQ25" s="61"/>
      <c r="BER25" s="62"/>
      <c r="BES25" s="56"/>
      <c r="BET25" s="61"/>
      <c r="BEU25" s="61"/>
      <c r="BEV25" s="61"/>
      <c r="BEW25" s="61"/>
      <c r="BEX25" s="62"/>
      <c r="BEY25" s="56"/>
      <c r="BEZ25" s="61"/>
      <c r="BFA25" s="61"/>
      <c r="BFB25" s="61"/>
      <c r="BFC25" s="61"/>
      <c r="BFD25" s="62"/>
      <c r="BFE25" s="56"/>
      <c r="BFF25" s="61"/>
      <c r="BFG25" s="61"/>
      <c r="BFH25" s="61"/>
      <c r="BFI25" s="61"/>
      <c r="BFJ25" s="62"/>
      <c r="BFK25" s="56"/>
      <c r="BFL25" s="61"/>
      <c r="BFM25" s="61"/>
      <c r="BFN25" s="61"/>
      <c r="BFO25" s="61"/>
      <c r="BFP25" s="62"/>
      <c r="BFQ25" s="56"/>
      <c r="BFR25" s="61"/>
      <c r="BFS25" s="61"/>
      <c r="BFT25" s="61"/>
      <c r="BFU25" s="61"/>
      <c r="BFV25" s="62"/>
      <c r="BFW25" s="56"/>
      <c r="BFX25" s="61"/>
      <c r="BFY25" s="61"/>
      <c r="BFZ25" s="61"/>
      <c r="BGA25" s="61"/>
      <c r="BGB25" s="62"/>
      <c r="BGC25" s="56"/>
      <c r="BGD25" s="61"/>
      <c r="BGE25" s="61"/>
      <c r="BGF25" s="61"/>
      <c r="BGG25" s="61"/>
      <c r="BGH25" s="62"/>
      <c r="BGI25" s="56"/>
      <c r="BGJ25" s="61"/>
      <c r="BGK25" s="61"/>
      <c r="BGL25" s="61"/>
      <c r="BGM25" s="61"/>
      <c r="BGN25" s="62"/>
      <c r="BGO25" s="56"/>
      <c r="BGP25" s="61"/>
      <c r="BGQ25" s="61"/>
      <c r="BGR25" s="61"/>
      <c r="BGS25" s="61"/>
      <c r="BGT25" s="62"/>
      <c r="BGU25" s="56"/>
      <c r="BGV25" s="61"/>
      <c r="BGW25" s="61"/>
      <c r="BGX25" s="61"/>
      <c r="BGY25" s="61"/>
      <c r="BGZ25" s="62"/>
      <c r="BHA25" s="56"/>
      <c r="BHB25" s="61"/>
      <c r="BHC25" s="61"/>
      <c r="BHD25" s="61"/>
      <c r="BHE25" s="61"/>
      <c r="BHF25" s="62"/>
      <c r="BHG25" s="56"/>
      <c r="BHH25" s="61"/>
      <c r="BHI25" s="61"/>
      <c r="BHJ25" s="61"/>
      <c r="BHK25" s="61"/>
      <c r="BHL25" s="62"/>
      <c r="BHM25" s="56"/>
      <c r="BHN25" s="61"/>
      <c r="BHO25" s="61"/>
      <c r="BHP25" s="61"/>
      <c r="BHQ25" s="61"/>
      <c r="BHR25" s="62"/>
      <c r="BHS25" s="56"/>
      <c r="BHT25" s="61"/>
      <c r="BHU25" s="61"/>
      <c r="BHV25" s="61"/>
      <c r="BHW25" s="61"/>
      <c r="BHX25" s="62"/>
      <c r="BHY25" s="56"/>
      <c r="BHZ25" s="61"/>
      <c r="BIA25" s="61"/>
      <c r="BIB25" s="61"/>
      <c r="BIC25" s="61"/>
      <c r="BID25" s="62"/>
      <c r="BIE25" s="56"/>
      <c r="BIF25" s="61"/>
      <c r="BIG25" s="61"/>
      <c r="BIH25" s="61"/>
      <c r="BII25" s="61"/>
      <c r="BIJ25" s="62"/>
      <c r="BIK25" s="56"/>
      <c r="BIL25" s="61"/>
      <c r="BIM25" s="61"/>
      <c r="BIN25" s="61"/>
      <c r="BIO25" s="61"/>
      <c r="BIP25" s="62"/>
      <c r="BIQ25" s="56"/>
      <c r="BIR25" s="61"/>
      <c r="BIS25" s="61"/>
      <c r="BIT25" s="61"/>
      <c r="BIU25" s="61"/>
      <c r="BIV25" s="62"/>
      <c r="BIW25" s="56"/>
      <c r="BIX25" s="61"/>
      <c r="BIY25" s="61"/>
      <c r="BIZ25" s="61"/>
      <c r="BJA25" s="61"/>
      <c r="BJB25" s="62"/>
      <c r="BJC25" s="56"/>
      <c r="BJD25" s="61"/>
      <c r="BJE25" s="61"/>
      <c r="BJF25" s="61"/>
      <c r="BJG25" s="61"/>
      <c r="BJH25" s="62"/>
      <c r="BJI25" s="56"/>
      <c r="BJJ25" s="61"/>
      <c r="BJK25" s="61"/>
      <c r="BJL25" s="61"/>
      <c r="BJM25" s="61"/>
      <c r="BJN25" s="62"/>
      <c r="BJO25" s="56"/>
      <c r="BJP25" s="61"/>
      <c r="BJQ25" s="61"/>
      <c r="BJR25" s="61"/>
      <c r="BJS25" s="61"/>
      <c r="BJT25" s="62"/>
      <c r="BJU25" s="56"/>
      <c r="BJV25" s="61"/>
      <c r="BJW25" s="61"/>
      <c r="BJX25" s="61"/>
      <c r="BJY25" s="61"/>
      <c r="BJZ25" s="62"/>
      <c r="BKA25" s="56"/>
      <c r="BKB25" s="61"/>
      <c r="BKC25" s="61"/>
      <c r="BKD25" s="61"/>
      <c r="BKE25" s="61"/>
      <c r="BKF25" s="62"/>
      <c r="BKG25" s="56"/>
      <c r="BKH25" s="61"/>
      <c r="BKI25" s="61"/>
      <c r="BKJ25" s="61"/>
      <c r="BKK25" s="61"/>
      <c r="BKL25" s="62"/>
      <c r="BKM25" s="56"/>
      <c r="BKN25" s="61"/>
      <c r="BKO25" s="61"/>
      <c r="BKP25" s="61"/>
      <c r="BKQ25" s="61"/>
      <c r="BKR25" s="62"/>
      <c r="BKS25" s="56"/>
      <c r="BKT25" s="61"/>
      <c r="BKU25" s="61"/>
      <c r="BKV25" s="61"/>
      <c r="BKW25" s="61"/>
      <c r="BKX25" s="62"/>
      <c r="BKY25" s="56"/>
      <c r="BKZ25" s="61"/>
      <c r="BLA25" s="61"/>
      <c r="BLB25" s="61"/>
      <c r="BLC25" s="61"/>
      <c r="BLD25" s="62"/>
      <c r="BLE25" s="56"/>
      <c r="BLF25" s="61"/>
      <c r="BLG25" s="61"/>
      <c r="BLH25" s="61"/>
      <c r="BLI25" s="61"/>
      <c r="BLJ25" s="62"/>
      <c r="BLK25" s="56"/>
      <c r="BLL25" s="61"/>
      <c r="BLM25" s="61"/>
      <c r="BLN25" s="61"/>
      <c r="BLO25" s="61"/>
      <c r="BLP25" s="62"/>
      <c r="BLQ25" s="56"/>
      <c r="BLR25" s="61"/>
      <c r="BLS25" s="61"/>
      <c r="BLT25" s="61"/>
      <c r="BLU25" s="61"/>
      <c r="BLV25" s="62"/>
      <c r="BLW25" s="56"/>
      <c r="BLX25" s="61"/>
      <c r="BLY25" s="61"/>
      <c r="BLZ25" s="61"/>
      <c r="BMA25" s="61"/>
      <c r="BMB25" s="62"/>
      <c r="BMC25" s="56"/>
      <c r="BMD25" s="61"/>
      <c r="BME25" s="61"/>
      <c r="BMF25" s="61"/>
      <c r="BMG25" s="61"/>
      <c r="BMH25" s="62"/>
      <c r="BMI25" s="56"/>
      <c r="BMJ25" s="61"/>
      <c r="BMK25" s="61"/>
      <c r="BML25" s="61"/>
      <c r="BMM25" s="61"/>
      <c r="BMN25" s="62"/>
      <c r="BMO25" s="56"/>
      <c r="BMP25" s="61"/>
      <c r="BMQ25" s="61"/>
      <c r="BMR25" s="61"/>
      <c r="BMS25" s="61"/>
      <c r="BMT25" s="62"/>
      <c r="BMU25" s="56"/>
      <c r="BMV25" s="61"/>
      <c r="BMW25" s="61"/>
      <c r="BMX25" s="61"/>
      <c r="BMY25" s="61"/>
      <c r="BMZ25" s="62"/>
      <c r="BNA25" s="56"/>
      <c r="BNB25" s="61"/>
      <c r="BNC25" s="61"/>
      <c r="BND25" s="61"/>
      <c r="BNE25" s="61"/>
      <c r="BNF25" s="62"/>
      <c r="BNG25" s="56"/>
      <c r="BNH25" s="61"/>
      <c r="BNI25" s="61"/>
      <c r="BNJ25" s="61"/>
      <c r="BNK25" s="61"/>
      <c r="BNL25" s="62"/>
      <c r="BNM25" s="56"/>
      <c r="BNN25" s="61"/>
      <c r="BNO25" s="61"/>
      <c r="BNP25" s="61"/>
      <c r="BNQ25" s="61"/>
      <c r="BNR25" s="62"/>
      <c r="BNS25" s="56"/>
      <c r="BNT25" s="61"/>
      <c r="BNU25" s="61"/>
      <c r="BNV25" s="61"/>
      <c r="BNW25" s="61"/>
      <c r="BNX25" s="62"/>
      <c r="BNY25" s="56"/>
      <c r="BNZ25" s="61"/>
      <c r="BOA25" s="61"/>
      <c r="BOB25" s="61"/>
      <c r="BOC25" s="61"/>
      <c r="BOD25" s="62"/>
      <c r="BOE25" s="56"/>
      <c r="BOF25" s="61"/>
      <c r="BOG25" s="61"/>
      <c r="BOH25" s="61"/>
      <c r="BOI25" s="61"/>
      <c r="BOJ25" s="62"/>
      <c r="BOK25" s="56"/>
      <c r="BOL25" s="61"/>
      <c r="BOM25" s="61"/>
      <c r="BON25" s="61"/>
      <c r="BOO25" s="61"/>
      <c r="BOP25" s="62"/>
      <c r="BOQ25" s="56"/>
      <c r="BOR25" s="61"/>
      <c r="BOS25" s="61"/>
      <c r="BOT25" s="61"/>
      <c r="BOU25" s="61"/>
      <c r="BOV25" s="62"/>
      <c r="BOW25" s="56"/>
      <c r="BOX25" s="61"/>
      <c r="BOY25" s="61"/>
      <c r="BOZ25" s="61"/>
      <c r="BPA25" s="61"/>
      <c r="BPB25" s="62"/>
      <c r="BPC25" s="56"/>
      <c r="BPD25" s="61"/>
      <c r="BPE25" s="61"/>
      <c r="BPF25" s="61"/>
      <c r="BPG25" s="61"/>
      <c r="BPH25" s="62"/>
      <c r="BPI25" s="56"/>
      <c r="BPJ25" s="61"/>
      <c r="BPK25" s="61"/>
      <c r="BPL25" s="61"/>
      <c r="BPM25" s="61"/>
      <c r="BPN25" s="62"/>
      <c r="BPO25" s="56"/>
      <c r="BPP25" s="61"/>
      <c r="BPQ25" s="61"/>
      <c r="BPR25" s="61"/>
      <c r="BPS25" s="61"/>
      <c r="BPT25" s="62"/>
      <c r="BPU25" s="56"/>
      <c r="BPV25" s="61"/>
      <c r="BPW25" s="61"/>
      <c r="BPX25" s="61"/>
      <c r="BPY25" s="61"/>
      <c r="BPZ25" s="62"/>
      <c r="BQA25" s="56"/>
      <c r="BQB25" s="61"/>
      <c r="BQC25" s="61"/>
      <c r="BQD25" s="61"/>
      <c r="BQE25" s="61"/>
      <c r="BQF25" s="62"/>
      <c r="BQG25" s="56"/>
      <c r="BQH25" s="61"/>
      <c r="BQI25" s="61"/>
      <c r="BQJ25" s="61"/>
      <c r="BQK25" s="61"/>
      <c r="BQL25" s="62"/>
      <c r="BQM25" s="56"/>
      <c r="BQN25" s="61"/>
      <c r="BQO25" s="61"/>
      <c r="BQP25" s="61"/>
      <c r="BQQ25" s="61"/>
      <c r="BQR25" s="62"/>
      <c r="BQS25" s="56"/>
      <c r="BQT25" s="61"/>
      <c r="BQU25" s="61"/>
      <c r="BQV25" s="61"/>
      <c r="BQW25" s="61"/>
      <c r="BQX25" s="62"/>
      <c r="BQY25" s="56"/>
      <c r="BQZ25" s="61"/>
      <c r="BRA25" s="61"/>
      <c r="BRB25" s="61"/>
      <c r="BRC25" s="61"/>
      <c r="BRD25" s="62"/>
      <c r="BRE25" s="56"/>
      <c r="BRF25" s="61"/>
      <c r="BRG25" s="61"/>
      <c r="BRH25" s="61"/>
      <c r="BRI25" s="61"/>
      <c r="BRJ25" s="62"/>
      <c r="BRK25" s="56"/>
      <c r="BRL25" s="61"/>
      <c r="BRM25" s="61"/>
      <c r="BRN25" s="61"/>
      <c r="BRO25" s="61"/>
      <c r="BRP25" s="62"/>
      <c r="BRQ25" s="56"/>
      <c r="BRR25" s="61"/>
      <c r="BRS25" s="61"/>
      <c r="BRT25" s="61"/>
      <c r="BRU25" s="61"/>
      <c r="BRV25" s="62"/>
      <c r="BRW25" s="56"/>
      <c r="BRX25" s="61"/>
      <c r="BRY25" s="61"/>
      <c r="BRZ25" s="61"/>
      <c r="BSA25" s="61"/>
      <c r="BSB25" s="62"/>
      <c r="BSC25" s="56"/>
      <c r="BSD25" s="61"/>
      <c r="BSE25" s="61"/>
      <c r="BSF25" s="61"/>
      <c r="BSG25" s="61"/>
      <c r="BSH25" s="62"/>
      <c r="BSI25" s="56"/>
      <c r="BSJ25" s="61"/>
      <c r="BSK25" s="61"/>
      <c r="BSL25" s="61"/>
      <c r="BSM25" s="61"/>
      <c r="BSN25" s="62"/>
      <c r="BSO25" s="56"/>
      <c r="BSP25" s="61"/>
      <c r="BSQ25" s="61"/>
      <c r="BSR25" s="61"/>
      <c r="BSS25" s="61"/>
      <c r="BST25" s="62"/>
      <c r="BSU25" s="56"/>
      <c r="BSV25" s="61"/>
      <c r="BSW25" s="61"/>
      <c r="BSX25" s="61"/>
      <c r="BSY25" s="61"/>
      <c r="BSZ25" s="62"/>
      <c r="BTA25" s="56"/>
      <c r="BTB25" s="61"/>
      <c r="BTC25" s="61"/>
      <c r="BTD25" s="61"/>
      <c r="BTE25" s="61"/>
      <c r="BTF25" s="62"/>
      <c r="BTG25" s="56"/>
      <c r="BTH25" s="61"/>
      <c r="BTI25" s="61"/>
      <c r="BTJ25" s="61"/>
      <c r="BTK25" s="61"/>
      <c r="BTL25" s="62"/>
      <c r="BTM25" s="56"/>
      <c r="BTN25" s="61"/>
      <c r="BTO25" s="61"/>
      <c r="BTP25" s="61"/>
      <c r="BTQ25" s="61"/>
      <c r="BTR25" s="62"/>
      <c r="BTS25" s="56"/>
      <c r="BTT25" s="61"/>
      <c r="BTU25" s="61"/>
      <c r="BTV25" s="61"/>
      <c r="BTW25" s="61"/>
      <c r="BTX25" s="62"/>
      <c r="BTY25" s="56"/>
      <c r="BTZ25" s="61"/>
      <c r="BUA25" s="61"/>
      <c r="BUB25" s="61"/>
      <c r="BUC25" s="61"/>
      <c r="BUD25" s="62"/>
      <c r="BUE25" s="56"/>
      <c r="BUF25" s="61"/>
      <c r="BUG25" s="61"/>
      <c r="BUH25" s="61"/>
      <c r="BUI25" s="61"/>
      <c r="BUJ25" s="62"/>
      <c r="BUK25" s="56"/>
      <c r="BUL25" s="61"/>
      <c r="BUM25" s="61"/>
      <c r="BUN25" s="61"/>
      <c r="BUO25" s="61"/>
      <c r="BUP25" s="62"/>
      <c r="BUQ25" s="56"/>
      <c r="BUR25" s="61"/>
      <c r="BUS25" s="61"/>
      <c r="BUT25" s="61"/>
      <c r="BUU25" s="61"/>
      <c r="BUV25" s="62"/>
      <c r="BUW25" s="56"/>
      <c r="BUX25" s="61"/>
      <c r="BUY25" s="61"/>
      <c r="BUZ25" s="61"/>
      <c r="BVA25" s="61"/>
      <c r="BVB25" s="62"/>
      <c r="BVC25" s="56"/>
      <c r="BVD25" s="61"/>
      <c r="BVE25" s="61"/>
      <c r="BVF25" s="61"/>
      <c r="BVG25" s="61"/>
      <c r="BVH25" s="62"/>
      <c r="BVI25" s="56"/>
      <c r="BVJ25" s="61"/>
      <c r="BVK25" s="61"/>
      <c r="BVL25" s="61"/>
      <c r="BVM25" s="61"/>
      <c r="BVN25" s="62"/>
      <c r="BVO25" s="56"/>
      <c r="BVP25" s="61"/>
      <c r="BVQ25" s="61"/>
      <c r="BVR25" s="61"/>
      <c r="BVS25" s="61"/>
      <c r="BVT25" s="62"/>
      <c r="BVU25" s="56"/>
      <c r="BVV25" s="61"/>
      <c r="BVW25" s="61"/>
      <c r="BVX25" s="61"/>
      <c r="BVY25" s="61"/>
      <c r="BVZ25" s="62"/>
      <c r="BWA25" s="56"/>
      <c r="BWB25" s="61"/>
      <c r="BWC25" s="61"/>
      <c r="BWD25" s="61"/>
      <c r="BWE25" s="61"/>
      <c r="BWF25" s="62"/>
      <c r="BWG25" s="56"/>
      <c r="BWH25" s="61"/>
      <c r="BWI25" s="61"/>
      <c r="BWJ25" s="61"/>
      <c r="BWK25" s="61"/>
      <c r="BWL25" s="62"/>
      <c r="BWM25" s="56"/>
      <c r="BWN25" s="61"/>
      <c r="BWO25" s="61"/>
      <c r="BWP25" s="61"/>
      <c r="BWQ25" s="61"/>
      <c r="BWR25" s="62"/>
      <c r="BWS25" s="56"/>
      <c r="BWT25" s="61"/>
      <c r="BWU25" s="61"/>
      <c r="BWV25" s="61"/>
      <c r="BWW25" s="61"/>
      <c r="BWX25" s="62"/>
      <c r="BWY25" s="56"/>
      <c r="BWZ25" s="61"/>
      <c r="BXA25" s="61"/>
      <c r="BXB25" s="61"/>
      <c r="BXC25" s="61"/>
      <c r="BXD25" s="62"/>
      <c r="BXE25" s="56"/>
      <c r="BXF25" s="61"/>
      <c r="BXG25" s="61"/>
      <c r="BXH25" s="61"/>
      <c r="BXI25" s="61"/>
      <c r="BXJ25" s="62"/>
      <c r="BXK25" s="56"/>
      <c r="BXL25" s="61"/>
      <c r="BXM25" s="61"/>
      <c r="BXN25" s="61"/>
      <c r="BXO25" s="61"/>
      <c r="BXP25" s="62"/>
      <c r="BXQ25" s="56"/>
      <c r="BXR25" s="61"/>
      <c r="BXS25" s="61"/>
      <c r="BXT25" s="61"/>
      <c r="BXU25" s="61"/>
      <c r="BXV25" s="62"/>
      <c r="BXW25" s="56"/>
      <c r="BXX25" s="61"/>
      <c r="BXY25" s="61"/>
      <c r="BXZ25" s="61"/>
      <c r="BYA25" s="61"/>
      <c r="BYB25" s="62"/>
      <c r="BYC25" s="56"/>
      <c r="BYD25" s="61"/>
      <c r="BYE25" s="61"/>
      <c r="BYF25" s="61"/>
      <c r="BYG25" s="61"/>
      <c r="BYH25" s="62"/>
      <c r="BYI25" s="56"/>
      <c r="BYJ25" s="61"/>
      <c r="BYK25" s="61"/>
      <c r="BYL25" s="61"/>
      <c r="BYM25" s="61"/>
      <c r="BYN25" s="62"/>
      <c r="BYO25" s="56"/>
      <c r="BYP25" s="61"/>
      <c r="BYQ25" s="61"/>
      <c r="BYR25" s="61"/>
      <c r="BYS25" s="61"/>
      <c r="BYT25" s="62"/>
      <c r="BYU25" s="56"/>
      <c r="BYV25" s="61"/>
      <c r="BYW25" s="61"/>
      <c r="BYX25" s="61"/>
      <c r="BYY25" s="61"/>
      <c r="BYZ25" s="62"/>
      <c r="BZA25" s="56"/>
      <c r="BZB25" s="61"/>
      <c r="BZC25" s="61"/>
      <c r="BZD25" s="61"/>
      <c r="BZE25" s="61"/>
      <c r="BZF25" s="62"/>
      <c r="BZG25" s="56"/>
      <c r="BZH25" s="61"/>
      <c r="BZI25" s="61"/>
      <c r="BZJ25" s="61"/>
      <c r="BZK25" s="61"/>
      <c r="BZL25" s="62"/>
      <c r="BZM25" s="56"/>
      <c r="BZN25" s="61"/>
      <c r="BZO25" s="61"/>
      <c r="BZP25" s="61"/>
      <c r="BZQ25" s="61"/>
      <c r="BZR25" s="62"/>
      <c r="BZS25" s="56"/>
      <c r="BZT25" s="61"/>
      <c r="BZU25" s="61"/>
      <c r="BZV25" s="61"/>
      <c r="BZW25" s="61"/>
      <c r="BZX25" s="62"/>
      <c r="BZY25" s="56"/>
      <c r="BZZ25" s="61"/>
      <c r="CAA25" s="61"/>
      <c r="CAB25" s="61"/>
      <c r="CAC25" s="61"/>
      <c r="CAD25" s="62"/>
      <c r="CAE25" s="56"/>
      <c r="CAF25" s="61"/>
      <c r="CAG25" s="61"/>
      <c r="CAH25" s="61"/>
      <c r="CAI25" s="61"/>
      <c r="CAJ25" s="62"/>
      <c r="CAK25" s="56"/>
      <c r="CAL25" s="61"/>
      <c r="CAM25" s="61"/>
      <c r="CAN25" s="61"/>
      <c r="CAO25" s="61"/>
      <c r="CAP25" s="62"/>
      <c r="CAQ25" s="56"/>
      <c r="CAR25" s="61"/>
      <c r="CAS25" s="61"/>
      <c r="CAT25" s="61"/>
      <c r="CAU25" s="61"/>
      <c r="CAV25" s="62"/>
      <c r="CAW25" s="56"/>
      <c r="CAX25" s="61"/>
      <c r="CAY25" s="61"/>
      <c r="CAZ25" s="61"/>
      <c r="CBA25" s="61"/>
      <c r="CBB25" s="62"/>
      <c r="CBC25" s="56"/>
      <c r="CBD25" s="61"/>
      <c r="CBE25" s="61"/>
      <c r="CBF25" s="61"/>
      <c r="CBG25" s="61"/>
      <c r="CBH25" s="62"/>
      <c r="CBI25" s="56"/>
      <c r="CBJ25" s="61"/>
      <c r="CBK25" s="61"/>
      <c r="CBL25" s="61"/>
      <c r="CBM25" s="61"/>
      <c r="CBN25" s="62"/>
      <c r="CBO25" s="56"/>
      <c r="CBP25" s="61"/>
      <c r="CBQ25" s="61"/>
      <c r="CBR25" s="61"/>
      <c r="CBS25" s="61"/>
      <c r="CBT25" s="62"/>
      <c r="CBU25" s="56"/>
      <c r="CBV25" s="61"/>
      <c r="CBW25" s="61"/>
      <c r="CBX25" s="61"/>
      <c r="CBY25" s="61"/>
      <c r="CBZ25" s="62"/>
      <c r="CCA25" s="56"/>
      <c r="CCB25" s="61"/>
      <c r="CCC25" s="61"/>
      <c r="CCD25" s="61"/>
      <c r="CCE25" s="61"/>
      <c r="CCF25" s="62"/>
      <c r="CCG25" s="56"/>
      <c r="CCH25" s="61"/>
      <c r="CCI25" s="61"/>
      <c r="CCJ25" s="61"/>
      <c r="CCK25" s="61"/>
      <c r="CCL25" s="62"/>
      <c r="CCM25" s="56"/>
      <c r="CCN25" s="61"/>
      <c r="CCO25" s="61"/>
      <c r="CCP25" s="61"/>
      <c r="CCQ25" s="61"/>
      <c r="CCR25" s="62"/>
      <c r="CCS25" s="56"/>
      <c r="CCT25" s="61"/>
      <c r="CCU25" s="61"/>
      <c r="CCV25" s="61"/>
      <c r="CCW25" s="61"/>
      <c r="CCX25" s="62"/>
      <c r="CCY25" s="56"/>
      <c r="CCZ25" s="61"/>
      <c r="CDA25" s="61"/>
      <c r="CDB25" s="61"/>
      <c r="CDC25" s="61"/>
      <c r="CDD25" s="62"/>
      <c r="CDE25" s="56"/>
      <c r="CDF25" s="61"/>
      <c r="CDG25" s="61"/>
      <c r="CDH25" s="61"/>
      <c r="CDI25" s="61"/>
      <c r="CDJ25" s="62"/>
      <c r="CDK25" s="56"/>
      <c r="CDL25" s="61"/>
      <c r="CDM25" s="61"/>
      <c r="CDN25" s="61"/>
      <c r="CDO25" s="61"/>
      <c r="CDP25" s="62"/>
      <c r="CDQ25" s="56"/>
      <c r="CDR25" s="61"/>
      <c r="CDS25" s="61"/>
      <c r="CDT25" s="61"/>
      <c r="CDU25" s="61"/>
      <c r="CDV25" s="62"/>
      <c r="CDW25" s="56"/>
      <c r="CDX25" s="61"/>
      <c r="CDY25" s="61"/>
      <c r="CDZ25" s="61"/>
      <c r="CEA25" s="61"/>
      <c r="CEB25" s="62"/>
      <c r="CEC25" s="56"/>
      <c r="CED25" s="61"/>
      <c r="CEE25" s="61"/>
      <c r="CEF25" s="61"/>
      <c r="CEG25" s="61"/>
      <c r="CEH25" s="62"/>
      <c r="CEI25" s="56"/>
      <c r="CEJ25" s="61"/>
      <c r="CEK25" s="61"/>
      <c r="CEL25" s="61"/>
      <c r="CEM25" s="61"/>
      <c r="CEN25" s="62"/>
      <c r="CEO25" s="56"/>
      <c r="CEP25" s="61"/>
      <c r="CEQ25" s="61"/>
      <c r="CER25" s="61"/>
      <c r="CES25" s="61"/>
      <c r="CET25" s="62"/>
      <c r="CEU25" s="56"/>
      <c r="CEV25" s="61"/>
      <c r="CEW25" s="61"/>
      <c r="CEX25" s="61"/>
      <c r="CEY25" s="61"/>
      <c r="CEZ25" s="62"/>
      <c r="CFA25" s="56"/>
      <c r="CFB25" s="61"/>
      <c r="CFC25" s="61"/>
      <c r="CFD25" s="61"/>
      <c r="CFE25" s="61"/>
      <c r="CFF25" s="62"/>
      <c r="CFG25" s="56"/>
      <c r="CFH25" s="61"/>
      <c r="CFI25" s="61"/>
      <c r="CFJ25" s="61"/>
      <c r="CFK25" s="61"/>
      <c r="CFL25" s="62"/>
      <c r="CFM25" s="56"/>
      <c r="CFN25" s="61"/>
      <c r="CFO25" s="61"/>
      <c r="CFP25" s="61"/>
      <c r="CFQ25" s="61"/>
      <c r="CFR25" s="62"/>
      <c r="CFS25" s="56"/>
      <c r="CFT25" s="61"/>
      <c r="CFU25" s="61"/>
      <c r="CFV25" s="61"/>
      <c r="CFW25" s="61"/>
      <c r="CFX25" s="62"/>
      <c r="CFY25" s="56"/>
      <c r="CFZ25" s="61"/>
      <c r="CGA25" s="61"/>
      <c r="CGB25" s="61"/>
      <c r="CGC25" s="61"/>
      <c r="CGD25" s="62"/>
      <c r="CGE25" s="56"/>
      <c r="CGF25" s="61"/>
      <c r="CGG25" s="61"/>
      <c r="CGH25" s="61"/>
      <c r="CGI25" s="61"/>
      <c r="CGJ25" s="62"/>
      <c r="CGK25" s="56"/>
      <c r="CGL25" s="61"/>
      <c r="CGM25" s="61"/>
      <c r="CGN25" s="61"/>
      <c r="CGO25" s="61"/>
      <c r="CGP25" s="62"/>
      <c r="CGQ25" s="56"/>
      <c r="CGR25" s="61"/>
      <c r="CGS25" s="61"/>
      <c r="CGT25" s="61"/>
      <c r="CGU25" s="61"/>
      <c r="CGV25" s="62"/>
      <c r="CGW25" s="56"/>
      <c r="CGX25" s="61"/>
      <c r="CGY25" s="61"/>
      <c r="CGZ25" s="61"/>
      <c r="CHA25" s="61"/>
      <c r="CHB25" s="62"/>
      <c r="CHC25" s="56"/>
      <c r="CHD25" s="61"/>
      <c r="CHE25" s="61"/>
      <c r="CHF25" s="61"/>
      <c r="CHG25" s="61"/>
      <c r="CHH25" s="62"/>
      <c r="CHI25" s="56"/>
      <c r="CHJ25" s="61"/>
      <c r="CHK25" s="61"/>
      <c r="CHL25" s="61"/>
      <c r="CHM25" s="61"/>
      <c r="CHN25" s="62"/>
      <c r="CHO25" s="56"/>
      <c r="CHP25" s="61"/>
      <c r="CHQ25" s="61"/>
      <c r="CHR25" s="61"/>
      <c r="CHS25" s="61"/>
      <c r="CHT25" s="62"/>
      <c r="CHU25" s="56"/>
      <c r="CHV25" s="61"/>
      <c r="CHW25" s="61"/>
      <c r="CHX25" s="61"/>
      <c r="CHY25" s="61"/>
      <c r="CHZ25" s="62"/>
      <c r="CIA25" s="56"/>
      <c r="CIB25" s="61"/>
      <c r="CIC25" s="61"/>
      <c r="CID25" s="61"/>
      <c r="CIE25" s="61"/>
      <c r="CIF25" s="62"/>
      <c r="CIG25" s="56"/>
      <c r="CIH25" s="61"/>
      <c r="CII25" s="61"/>
      <c r="CIJ25" s="61"/>
      <c r="CIK25" s="61"/>
      <c r="CIL25" s="62"/>
      <c r="CIM25" s="56"/>
      <c r="CIN25" s="61"/>
      <c r="CIO25" s="61"/>
      <c r="CIP25" s="61"/>
      <c r="CIQ25" s="61"/>
      <c r="CIR25" s="62"/>
      <c r="CIS25" s="56"/>
      <c r="CIT25" s="61"/>
      <c r="CIU25" s="61"/>
      <c r="CIV25" s="61"/>
      <c r="CIW25" s="61"/>
      <c r="CIX25" s="62"/>
      <c r="CIY25" s="56"/>
      <c r="CIZ25" s="61"/>
      <c r="CJA25" s="61"/>
      <c r="CJB25" s="61"/>
      <c r="CJC25" s="61"/>
      <c r="CJD25" s="62"/>
      <c r="CJE25" s="56"/>
      <c r="CJF25" s="61"/>
      <c r="CJG25" s="61"/>
      <c r="CJH25" s="61"/>
      <c r="CJI25" s="61"/>
      <c r="CJJ25" s="62"/>
      <c r="CJK25" s="56"/>
      <c r="CJL25" s="61"/>
      <c r="CJM25" s="61"/>
      <c r="CJN25" s="61"/>
      <c r="CJO25" s="61"/>
      <c r="CJP25" s="62"/>
      <c r="CJQ25" s="56"/>
      <c r="CJR25" s="61"/>
      <c r="CJS25" s="61"/>
      <c r="CJT25" s="61"/>
      <c r="CJU25" s="61"/>
      <c r="CJV25" s="62"/>
      <c r="CJW25" s="56"/>
      <c r="CJX25" s="61"/>
      <c r="CJY25" s="61"/>
      <c r="CJZ25" s="61"/>
      <c r="CKA25" s="61"/>
      <c r="CKB25" s="62"/>
      <c r="CKC25" s="56"/>
      <c r="CKD25" s="61"/>
      <c r="CKE25" s="61"/>
      <c r="CKF25" s="61"/>
      <c r="CKG25" s="61"/>
      <c r="CKH25" s="62"/>
      <c r="CKI25" s="56"/>
      <c r="CKJ25" s="61"/>
      <c r="CKK25" s="61"/>
      <c r="CKL25" s="61"/>
      <c r="CKM25" s="61"/>
      <c r="CKN25" s="62"/>
      <c r="CKO25" s="56"/>
      <c r="CKP25" s="61"/>
      <c r="CKQ25" s="61"/>
      <c r="CKR25" s="61"/>
      <c r="CKS25" s="61"/>
      <c r="CKT25" s="62"/>
      <c r="CKU25" s="56"/>
      <c r="CKV25" s="61"/>
      <c r="CKW25" s="61"/>
      <c r="CKX25" s="61"/>
      <c r="CKY25" s="61"/>
      <c r="CKZ25" s="62"/>
      <c r="CLA25" s="56"/>
      <c r="CLB25" s="61"/>
      <c r="CLC25" s="61"/>
      <c r="CLD25" s="61"/>
      <c r="CLE25" s="61"/>
      <c r="CLF25" s="62"/>
      <c r="CLG25" s="56"/>
      <c r="CLH25" s="61"/>
      <c r="CLI25" s="61"/>
      <c r="CLJ25" s="61"/>
      <c r="CLK25" s="61"/>
      <c r="CLL25" s="62"/>
      <c r="CLM25" s="56"/>
      <c r="CLN25" s="61"/>
      <c r="CLO25" s="61"/>
      <c r="CLP25" s="61"/>
      <c r="CLQ25" s="61"/>
      <c r="CLR25" s="62"/>
      <c r="CLS25" s="56"/>
      <c r="CLT25" s="61"/>
      <c r="CLU25" s="61"/>
      <c r="CLV25" s="61"/>
      <c r="CLW25" s="61"/>
      <c r="CLX25" s="62"/>
      <c r="CLY25" s="56"/>
      <c r="CLZ25" s="61"/>
      <c r="CMA25" s="61"/>
      <c r="CMB25" s="61"/>
      <c r="CMC25" s="61"/>
      <c r="CMD25" s="62"/>
      <c r="CME25" s="56"/>
      <c r="CMF25" s="61"/>
      <c r="CMG25" s="61"/>
      <c r="CMH25" s="61"/>
      <c r="CMI25" s="61"/>
      <c r="CMJ25" s="62"/>
      <c r="CMK25" s="56"/>
      <c r="CML25" s="61"/>
      <c r="CMM25" s="61"/>
      <c r="CMN25" s="61"/>
      <c r="CMO25" s="61"/>
      <c r="CMP25" s="62"/>
      <c r="CMQ25" s="56"/>
      <c r="CMR25" s="61"/>
      <c r="CMS25" s="61"/>
      <c r="CMT25" s="61"/>
      <c r="CMU25" s="61"/>
      <c r="CMV25" s="62"/>
      <c r="CMW25" s="56"/>
      <c r="CMX25" s="61"/>
      <c r="CMY25" s="61"/>
      <c r="CMZ25" s="61"/>
      <c r="CNA25" s="61"/>
      <c r="CNB25" s="62"/>
      <c r="CNC25" s="56"/>
      <c r="CND25" s="61"/>
      <c r="CNE25" s="61"/>
      <c r="CNF25" s="61"/>
      <c r="CNG25" s="61"/>
      <c r="CNH25" s="62"/>
      <c r="CNI25" s="56"/>
      <c r="CNJ25" s="61"/>
      <c r="CNK25" s="61"/>
      <c r="CNL25" s="61"/>
      <c r="CNM25" s="61"/>
      <c r="CNN25" s="62"/>
      <c r="CNO25" s="56"/>
      <c r="CNP25" s="61"/>
      <c r="CNQ25" s="61"/>
      <c r="CNR25" s="61"/>
      <c r="CNS25" s="61"/>
      <c r="CNT25" s="62"/>
      <c r="CNU25" s="56"/>
      <c r="CNV25" s="61"/>
      <c r="CNW25" s="61"/>
      <c r="CNX25" s="61"/>
      <c r="CNY25" s="61"/>
      <c r="CNZ25" s="62"/>
      <c r="COA25" s="56"/>
      <c r="COB25" s="61"/>
      <c r="COC25" s="61"/>
      <c r="COD25" s="61"/>
      <c r="COE25" s="61"/>
      <c r="COF25" s="62"/>
      <c r="COG25" s="56"/>
      <c r="COH25" s="61"/>
      <c r="COI25" s="61"/>
      <c r="COJ25" s="61"/>
      <c r="COK25" s="61"/>
      <c r="COL25" s="62"/>
      <c r="COM25" s="56"/>
      <c r="CON25" s="61"/>
      <c r="COO25" s="61"/>
      <c r="COP25" s="61"/>
      <c r="COQ25" s="61"/>
      <c r="COR25" s="62"/>
      <c r="COS25" s="56"/>
      <c r="COT25" s="61"/>
      <c r="COU25" s="61"/>
      <c r="COV25" s="61"/>
      <c r="COW25" s="61"/>
      <c r="COX25" s="62"/>
      <c r="COY25" s="56"/>
      <c r="COZ25" s="61"/>
      <c r="CPA25" s="61"/>
      <c r="CPB25" s="61"/>
      <c r="CPC25" s="61"/>
      <c r="CPD25" s="62"/>
      <c r="CPE25" s="56"/>
      <c r="CPF25" s="61"/>
      <c r="CPG25" s="61"/>
      <c r="CPH25" s="61"/>
      <c r="CPI25" s="61"/>
      <c r="CPJ25" s="62"/>
      <c r="CPK25" s="56"/>
      <c r="CPL25" s="61"/>
      <c r="CPM25" s="61"/>
      <c r="CPN25" s="61"/>
      <c r="CPO25" s="61"/>
      <c r="CPP25" s="62"/>
      <c r="CPQ25" s="56"/>
      <c r="CPR25" s="61"/>
      <c r="CPS25" s="61"/>
      <c r="CPT25" s="61"/>
      <c r="CPU25" s="61"/>
      <c r="CPV25" s="62"/>
      <c r="CPW25" s="56"/>
      <c r="CPX25" s="61"/>
      <c r="CPY25" s="61"/>
      <c r="CPZ25" s="61"/>
      <c r="CQA25" s="61"/>
      <c r="CQB25" s="62"/>
      <c r="CQC25" s="56"/>
      <c r="CQD25" s="61"/>
      <c r="CQE25" s="61"/>
      <c r="CQF25" s="61"/>
      <c r="CQG25" s="61"/>
      <c r="CQH25" s="62"/>
      <c r="CQI25" s="56"/>
      <c r="CQJ25" s="61"/>
      <c r="CQK25" s="61"/>
      <c r="CQL25" s="61"/>
      <c r="CQM25" s="61"/>
      <c r="CQN25" s="62"/>
      <c r="CQO25" s="56"/>
      <c r="CQP25" s="61"/>
      <c r="CQQ25" s="61"/>
      <c r="CQR25" s="61"/>
      <c r="CQS25" s="61"/>
      <c r="CQT25" s="62"/>
      <c r="CQU25" s="56"/>
      <c r="CQV25" s="61"/>
      <c r="CQW25" s="61"/>
      <c r="CQX25" s="61"/>
      <c r="CQY25" s="61"/>
      <c r="CQZ25" s="62"/>
      <c r="CRA25" s="56"/>
      <c r="CRB25" s="61"/>
      <c r="CRC25" s="61"/>
      <c r="CRD25" s="61"/>
      <c r="CRE25" s="61"/>
      <c r="CRF25" s="62"/>
      <c r="CRG25" s="56"/>
      <c r="CRH25" s="61"/>
      <c r="CRI25" s="61"/>
      <c r="CRJ25" s="61"/>
      <c r="CRK25" s="61"/>
      <c r="CRL25" s="62"/>
      <c r="CRM25" s="56"/>
      <c r="CRN25" s="61"/>
      <c r="CRO25" s="61"/>
      <c r="CRP25" s="61"/>
      <c r="CRQ25" s="61"/>
      <c r="CRR25" s="62"/>
      <c r="CRS25" s="56"/>
      <c r="CRT25" s="61"/>
      <c r="CRU25" s="61"/>
      <c r="CRV25" s="61"/>
      <c r="CRW25" s="61"/>
      <c r="CRX25" s="62"/>
      <c r="CRY25" s="56"/>
      <c r="CRZ25" s="61"/>
      <c r="CSA25" s="61"/>
      <c r="CSB25" s="61"/>
      <c r="CSC25" s="61"/>
      <c r="CSD25" s="62"/>
      <c r="CSE25" s="56"/>
      <c r="CSF25" s="61"/>
      <c r="CSG25" s="61"/>
      <c r="CSH25" s="61"/>
      <c r="CSI25" s="61"/>
      <c r="CSJ25" s="62"/>
      <c r="CSK25" s="56"/>
      <c r="CSL25" s="61"/>
      <c r="CSM25" s="61"/>
      <c r="CSN25" s="61"/>
      <c r="CSO25" s="61"/>
      <c r="CSP25" s="62"/>
      <c r="CSQ25" s="56"/>
      <c r="CSR25" s="61"/>
      <c r="CSS25" s="61"/>
      <c r="CST25" s="61"/>
      <c r="CSU25" s="61"/>
      <c r="CSV25" s="62"/>
      <c r="CSW25" s="56"/>
      <c r="CSX25" s="61"/>
      <c r="CSY25" s="61"/>
      <c r="CSZ25" s="61"/>
      <c r="CTA25" s="61"/>
      <c r="CTB25" s="62"/>
      <c r="CTC25" s="56"/>
      <c r="CTD25" s="61"/>
      <c r="CTE25" s="61"/>
      <c r="CTF25" s="61"/>
      <c r="CTG25" s="61"/>
      <c r="CTH25" s="62"/>
      <c r="CTI25" s="56"/>
      <c r="CTJ25" s="61"/>
      <c r="CTK25" s="61"/>
      <c r="CTL25" s="61"/>
      <c r="CTM25" s="61"/>
      <c r="CTN25" s="62"/>
      <c r="CTO25" s="56"/>
      <c r="CTP25" s="61"/>
      <c r="CTQ25" s="61"/>
      <c r="CTR25" s="61"/>
      <c r="CTS25" s="61"/>
      <c r="CTT25" s="62"/>
      <c r="CTU25" s="56"/>
      <c r="CTV25" s="61"/>
      <c r="CTW25" s="61"/>
      <c r="CTX25" s="61"/>
      <c r="CTY25" s="61"/>
      <c r="CTZ25" s="62"/>
      <c r="CUA25" s="56"/>
      <c r="CUB25" s="61"/>
      <c r="CUC25" s="61"/>
      <c r="CUD25" s="61"/>
      <c r="CUE25" s="61"/>
      <c r="CUF25" s="62"/>
      <c r="CUG25" s="56"/>
      <c r="CUH25" s="61"/>
      <c r="CUI25" s="61"/>
      <c r="CUJ25" s="61"/>
      <c r="CUK25" s="61"/>
      <c r="CUL25" s="62"/>
      <c r="CUM25" s="56"/>
      <c r="CUN25" s="61"/>
      <c r="CUO25" s="61"/>
      <c r="CUP25" s="61"/>
      <c r="CUQ25" s="61"/>
      <c r="CUR25" s="62"/>
      <c r="CUS25" s="56"/>
      <c r="CUT25" s="61"/>
      <c r="CUU25" s="61"/>
      <c r="CUV25" s="61"/>
      <c r="CUW25" s="61"/>
      <c r="CUX25" s="62"/>
      <c r="CUY25" s="56"/>
      <c r="CUZ25" s="61"/>
      <c r="CVA25" s="61"/>
      <c r="CVB25" s="61"/>
      <c r="CVC25" s="61"/>
      <c r="CVD25" s="62"/>
      <c r="CVE25" s="56"/>
      <c r="CVF25" s="61"/>
      <c r="CVG25" s="61"/>
      <c r="CVH25" s="61"/>
      <c r="CVI25" s="61"/>
      <c r="CVJ25" s="62"/>
      <c r="CVK25" s="56"/>
      <c r="CVL25" s="61"/>
      <c r="CVM25" s="61"/>
      <c r="CVN25" s="61"/>
      <c r="CVO25" s="61"/>
      <c r="CVP25" s="62"/>
      <c r="CVQ25" s="56"/>
      <c r="CVR25" s="61"/>
      <c r="CVS25" s="61"/>
      <c r="CVT25" s="61"/>
      <c r="CVU25" s="61"/>
      <c r="CVV25" s="62"/>
      <c r="CVW25" s="56"/>
      <c r="CVX25" s="61"/>
      <c r="CVY25" s="61"/>
      <c r="CVZ25" s="61"/>
      <c r="CWA25" s="61"/>
      <c r="CWB25" s="62"/>
      <c r="CWC25" s="56"/>
      <c r="CWD25" s="61"/>
      <c r="CWE25" s="61"/>
      <c r="CWF25" s="61"/>
      <c r="CWG25" s="61"/>
      <c r="CWH25" s="62"/>
      <c r="CWI25" s="56"/>
      <c r="CWJ25" s="61"/>
      <c r="CWK25" s="61"/>
      <c r="CWL25" s="61"/>
      <c r="CWM25" s="61"/>
      <c r="CWN25" s="62"/>
      <c r="CWO25" s="56"/>
      <c r="CWP25" s="61"/>
      <c r="CWQ25" s="61"/>
      <c r="CWR25" s="61"/>
      <c r="CWS25" s="61"/>
      <c r="CWT25" s="62"/>
      <c r="CWU25" s="56"/>
      <c r="CWV25" s="61"/>
      <c r="CWW25" s="61"/>
      <c r="CWX25" s="61"/>
      <c r="CWY25" s="61"/>
      <c r="CWZ25" s="62"/>
      <c r="CXA25" s="56"/>
      <c r="CXB25" s="61"/>
      <c r="CXC25" s="61"/>
      <c r="CXD25" s="61"/>
      <c r="CXE25" s="61"/>
      <c r="CXF25" s="62"/>
      <c r="CXG25" s="56"/>
      <c r="CXH25" s="61"/>
      <c r="CXI25" s="61"/>
      <c r="CXJ25" s="61"/>
      <c r="CXK25" s="61"/>
      <c r="CXL25" s="62"/>
      <c r="CXM25" s="56"/>
      <c r="CXN25" s="61"/>
      <c r="CXO25" s="61"/>
      <c r="CXP25" s="61"/>
      <c r="CXQ25" s="61"/>
      <c r="CXR25" s="62"/>
      <c r="CXS25" s="56"/>
      <c r="CXT25" s="61"/>
      <c r="CXU25" s="61"/>
      <c r="CXV25" s="61"/>
      <c r="CXW25" s="61"/>
      <c r="CXX25" s="62"/>
      <c r="CXY25" s="56"/>
      <c r="CXZ25" s="61"/>
      <c r="CYA25" s="61"/>
      <c r="CYB25" s="61"/>
      <c r="CYC25" s="61"/>
      <c r="CYD25" s="62"/>
      <c r="CYE25" s="56"/>
      <c r="CYF25" s="61"/>
      <c r="CYG25" s="61"/>
      <c r="CYH25" s="61"/>
      <c r="CYI25" s="61"/>
      <c r="CYJ25" s="62"/>
      <c r="CYK25" s="56"/>
      <c r="CYL25" s="61"/>
      <c r="CYM25" s="61"/>
      <c r="CYN25" s="61"/>
      <c r="CYO25" s="61"/>
      <c r="CYP25" s="62"/>
      <c r="CYQ25" s="56"/>
      <c r="CYR25" s="61"/>
      <c r="CYS25" s="61"/>
      <c r="CYT25" s="61"/>
      <c r="CYU25" s="61"/>
      <c r="CYV25" s="62"/>
      <c r="CYW25" s="56"/>
      <c r="CYX25" s="61"/>
      <c r="CYY25" s="61"/>
      <c r="CYZ25" s="61"/>
      <c r="CZA25" s="61"/>
      <c r="CZB25" s="62"/>
      <c r="CZC25" s="56"/>
      <c r="CZD25" s="61"/>
      <c r="CZE25" s="61"/>
      <c r="CZF25" s="61"/>
      <c r="CZG25" s="61"/>
      <c r="CZH25" s="62"/>
      <c r="CZI25" s="56"/>
      <c r="CZJ25" s="61"/>
      <c r="CZK25" s="61"/>
      <c r="CZL25" s="61"/>
      <c r="CZM25" s="61"/>
      <c r="CZN25" s="62"/>
      <c r="CZO25" s="56"/>
      <c r="CZP25" s="61"/>
      <c r="CZQ25" s="61"/>
      <c r="CZR25" s="61"/>
      <c r="CZS25" s="61"/>
      <c r="CZT25" s="62"/>
      <c r="CZU25" s="56"/>
      <c r="CZV25" s="61"/>
      <c r="CZW25" s="61"/>
      <c r="CZX25" s="61"/>
      <c r="CZY25" s="61"/>
      <c r="CZZ25" s="62"/>
      <c r="DAA25" s="56"/>
      <c r="DAB25" s="61"/>
      <c r="DAC25" s="61"/>
      <c r="DAD25" s="61"/>
      <c r="DAE25" s="61"/>
      <c r="DAF25" s="62"/>
      <c r="DAG25" s="56"/>
      <c r="DAH25" s="61"/>
      <c r="DAI25" s="61"/>
      <c r="DAJ25" s="61"/>
      <c r="DAK25" s="61"/>
      <c r="DAL25" s="62"/>
      <c r="DAM25" s="56"/>
      <c r="DAN25" s="61"/>
      <c r="DAO25" s="61"/>
      <c r="DAP25" s="61"/>
      <c r="DAQ25" s="61"/>
      <c r="DAR25" s="62"/>
      <c r="DAS25" s="56"/>
      <c r="DAT25" s="61"/>
      <c r="DAU25" s="61"/>
      <c r="DAV25" s="61"/>
      <c r="DAW25" s="61"/>
      <c r="DAX25" s="62"/>
      <c r="DAY25" s="56"/>
      <c r="DAZ25" s="61"/>
      <c r="DBA25" s="61"/>
      <c r="DBB25" s="61"/>
      <c r="DBC25" s="61"/>
      <c r="DBD25" s="62"/>
      <c r="DBE25" s="56"/>
      <c r="DBF25" s="61"/>
      <c r="DBG25" s="61"/>
      <c r="DBH25" s="61"/>
      <c r="DBI25" s="61"/>
      <c r="DBJ25" s="62"/>
      <c r="DBK25" s="56"/>
      <c r="DBL25" s="61"/>
      <c r="DBM25" s="61"/>
      <c r="DBN25" s="61"/>
      <c r="DBO25" s="61"/>
      <c r="DBP25" s="62"/>
      <c r="DBQ25" s="56"/>
      <c r="DBR25" s="61"/>
      <c r="DBS25" s="61"/>
      <c r="DBT25" s="61"/>
      <c r="DBU25" s="61"/>
      <c r="DBV25" s="62"/>
      <c r="DBW25" s="56"/>
      <c r="DBX25" s="61"/>
      <c r="DBY25" s="61"/>
      <c r="DBZ25" s="61"/>
      <c r="DCA25" s="61"/>
      <c r="DCB25" s="62"/>
      <c r="DCC25" s="56"/>
      <c r="DCD25" s="61"/>
      <c r="DCE25" s="61"/>
      <c r="DCF25" s="61"/>
      <c r="DCG25" s="61"/>
      <c r="DCH25" s="62"/>
      <c r="DCI25" s="56"/>
      <c r="DCJ25" s="61"/>
      <c r="DCK25" s="61"/>
      <c r="DCL25" s="61"/>
      <c r="DCM25" s="61"/>
      <c r="DCN25" s="62"/>
      <c r="DCO25" s="56"/>
      <c r="DCP25" s="61"/>
      <c r="DCQ25" s="61"/>
      <c r="DCR25" s="61"/>
      <c r="DCS25" s="61"/>
      <c r="DCT25" s="62"/>
      <c r="DCU25" s="56"/>
      <c r="DCV25" s="61"/>
      <c r="DCW25" s="61"/>
      <c r="DCX25" s="61"/>
      <c r="DCY25" s="61"/>
      <c r="DCZ25" s="62"/>
      <c r="DDA25" s="56"/>
      <c r="DDB25" s="61"/>
      <c r="DDC25" s="61"/>
      <c r="DDD25" s="61"/>
      <c r="DDE25" s="61"/>
      <c r="DDF25" s="62"/>
      <c r="DDG25" s="56"/>
      <c r="DDH25" s="61"/>
      <c r="DDI25" s="61"/>
      <c r="DDJ25" s="61"/>
      <c r="DDK25" s="61"/>
      <c r="DDL25" s="62"/>
      <c r="DDM25" s="56"/>
      <c r="DDN25" s="61"/>
      <c r="DDO25" s="61"/>
      <c r="DDP25" s="61"/>
      <c r="DDQ25" s="61"/>
      <c r="DDR25" s="62"/>
      <c r="DDS25" s="56"/>
      <c r="DDT25" s="61"/>
      <c r="DDU25" s="61"/>
      <c r="DDV25" s="61"/>
      <c r="DDW25" s="61"/>
      <c r="DDX25" s="62"/>
      <c r="DDY25" s="56"/>
      <c r="DDZ25" s="61"/>
      <c r="DEA25" s="61"/>
      <c r="DEB25" s="61"/>
      <c r="DEC25" s="61"/>
      <c r="DED25" s="62"/>
      <c r="DEE25" s="56"/>
      <c r="DEF25" s="61"/>
      <c r="DEG25" s="61"/>
      <c r="DEH25" s="61"/>
      <c r="DEI25" s="61"/>
      <c r="DEJ25" s="62"/>
      <c r="DEK25" s="56"/>
      <c r="DEL25" s="61"/>
      <c r="DEM25" s="61"/>
      <c r="DEN25" s="61"/>
      <c r="DEO25" s="61"/>
      <c r="DEP25" s="62"/>
      <c r="DEQ25" s="56"/>
      <c r="DER25" s="61"/>
      <c r="DES25" s="61"/>
      <c r="DET25" s="61"/>
      <c r="DEU25" s="61"/>
      <c r="DEV25" s="62"/>
      <c r="DEW25" s="56"/>
      <c r="DEX25" s="61"/>
      <c r="DEY25" s="61"/>
      <c r="DEZ25" s="61"/>
      <c r="DFA25" s="61"/>
      <c r="DFB25" s="62"/>
      <c r="DFC25" s="56"/>
      <c r="DFD25" s="61"/>
      <c r="DFE25" s="61"/>
      <c r="DFF25" s="61"/>
      <c r="DFG25" s="61"/>
      <c r="DFH25" s="62"/>
      <c r="DFI25" s="56"/>
      <c r="DFJ25" s="61"/>
      <c r="DFK25" s="61"/>
      <c r="DFL25" s="61"/>
      <c r="DFM25" s="61"/>
      <c r="DFN25" s="62"/>
      <c r="DFO25" s="56"/>
      <c r="DFP25" s="61"/>
      <c r="DFQ25" s="61"/>
      <c r="DFR25" s="61"/>
      <c r="DFS25" s="61"/>
      <c r="DFT25" s="62"/>
      <c r="DFU25" s="56"/>
      <c r="DFV25" s="61"/>
      <c r="DFW25" s="61"/>
      <c r="DFX25" s="61"/>
      <c r="DFY25" s="61"/>
      <c r="DFZ25" s="62"/>
      <c r="DGA25" s="56"/>
      <c r="DGB25" s="61"/>
      <c r="DGC25" s="61"/>
      <c r="DGD25" s="61"/>
      <c r="DGE25" s="61"/>
      <c r="DGF25" s="62"/>
      <c r="DGG25" s="56"/>
      <c r="DGH25" s="61"/>
      <c r="DGI25" s="61"/>
      <c r="DGJ25" s="61"/>
      <c r="DGK25" s="61"/>
      <c r="DGL25" s="62"/>
      <c r="DGM25" s="56"/>
      <c r="DGN25" s="61"/>
      <c r="DGO25" s="61"/>
      <c r="DGP25" s="61"/>
      <c r="DGQ25" s="61"/>
      <c r="DGR25" s="62"/>
      <c r="DGS25" s="56"/>
      <c r="DGT25" s="61"/>
      <c r="DGU25" s="61"/>
      <c r="DGV25" s="61"/>
      <c r="DGW25" s="61"/>
      <c r="DGX25" s="62"/>
      <c r="DGY25" s="56"/>
      <c r="DGZ25" s="61"/>
      <c r="DHA25" s="61"/>
      <c r="DHB25" s="61"/>
      <c r="DHC25" s="61"/>
      <c r="DHD25" s="62"/>
      <c r="DHE25" s="56"/>
      <c r="DHF25" s="61"/>
      <c r="DHG25" s="61"/>
      <c r="DHH25" s="61"/>
      <c r="DHI25" s="61"/>
      <c r="DHJ25" s="62"/>
      <c r="DHK25" s="56"/>
      <c r="DHL25" s="61"/>
      <c r="DHM25" s="61"/>
      <c r="DHN25" s="61"/>
      <c r="DHO25" s="61"/>
      <c r="DHP25" s="62"/>
      <c r="DHQ25" s="56"/>
      <c r="DHR25" s="61"/>
      <c r="DHS25" s="61"/>
      <c r="DHT25" s="61"/>
      <c r="DHU25" s="61"/>
      <c r="DHV25" s="62"/>
      <c r="DHW25" s="56"/>
      <c r="DHX25" s="61"/>
      <c r="DHY25" s="61"/>
      <c r="DHZ25" s="61"/>
      <c r="DIA25" s="61"/>
      <c r="DIB25" s="62"/>
      <c r="DIC25" s="56"/>
      <c r="DID25" s="61"/>
      <c r="DIE25" s="61"/>
      <c r="DIF25" s="61"/>
      <c r="DIG25" s="61"/>
      <c r="DIH25" s="62"/>
      <c r="DII25" s="56"/>
      <c r="DIJ25" s="61"/>
      <c r="DIK25" s="61"/>
      <c r="DIL25" s="61"/>
      <c r="DIM25" s="61"/>
      <c r="DIN25" s="62"/>
      <c r="DIO25" s="56"/>
      <c r="DIP25" s="61"/>
      <c r="DIQ25" s="61"/>
      <c r="DIR25" s="61"/>
      <c r="DIS25" s="61"/>
      <c r="DIT25" s="62"/>
      <c r="DIU25" s="56"/>
      <c r="DIV25" s="61"/>
      <c r="DIW25" s="61"/>
      <c r="DIX25" s="61"/>
      <c r="DIY25" s="61"/>
      <c r="DIZ25" s="62"/>
      <c r="DJA25" s="56"/>
      <c r="DJB25" s="61"/>
      <c r="DJC25" s="61"/>
      <c r="DJD25" s="61"/>
      <c r="DJE25" s="61"/>
      <c r="DJF25" s="62"/>
      <c r="DJG25" s="56"/>
      <c r="DJH25" s="61"/>
      <c r="DJI25" s="61"/>
      <c r="DJJ25" s="61"/>
      <c r="DJK25" s="61"/>
      <c r="DJL25" s="62"/>
      <c r="DJM25" s="56"/>
      <c r="DJN25" s="61"/>
      <c r="DJO25" s="61"/>
      <c r="DJP25" s="61"/>
      <c r="DJQ25" s="61"/>
      <c r="DJR25" s="62"/>
      <c r="DJS25" s="56"/>
      <c r="DJT25" s="61"/>
      <c r="DJU25" s="61"/>
      <c r="DJV25" s="61"/>
      <c r="DJW25" s="61"/>
      <c r="DJX25" s="62"/>
      <c r="DJY25" s="56"/>
      <c r="DJZ25" s="61"/>
      <c r="DKA25" s="61"/>
      <c r="DKB25" s="61"/>
      <c r="DKC25" s="61"/>
      <c r="DKD25" s="62"/>
      <c r="DKE25" s="56"/>
      <c r="DKF25" s="61"/>
      <c r="DKG25" s="61"/>
      <c r="DKH25" s="61"/>
      <c r="DKI25" s="61"/>
      <c r="DKJ25" s="62"/>
      <c r="DKK25" s="56"/>
      <c r="DKL25" s="61"/>
      <c r="DKM25" s="61"/>
      <c r="DKN25" s="61"/>
      <c r="DKO25" s="61"/>
      <c r="DKP25" s="62"/>
      <c r="DKQ25" s="56"/>
      <c r="DKR25" s="61"/>
      <c r="DKS25" s="61"/>
      <c r="DKT25" s="61"/>
      <c r="DKU25" s="61"/>
      <c r="DKV25" s="62"/>
      <c r="DKW25" s="56"/>
      <c r="DKX25" s="61"/>
      <c r="DKY25" s="61"/>
      <c r="DKZ25" s="61"/>
      <c r="DLA25" s="61"/>
      <c r="DLB25" s="62"/>
      <c r="DLC25" s="56"/>
      <c r="DLD25" s="61"/>
      <c r="DLE25" s="61"/>
      <c r="DLF25" s="61"/>
      <c r="DLG25" s="61"/>
      <c r="DLH25" s="62"/>
      <c r="DLI25" s="56"/>
      <c r="DLJ25" s="61"/>
      <c r="DLK25" s="61"/>
      <c r="DLL25" s="61"/>
      <c r="DLM25" s="61"/>
      <c r="DLN25" s="62"/>
      <c r="DLO25" s="56"/>
      <c r="DLP25" s="61"/>
      <c r="DLQ25" s="61"/>
      <c r="DLR25" s="61"/>
      <c r="DLS25" s="61"/>
      <c r="DLT25" s="62"/>
      <c r="DLU25" s="56"/>
      <c r="DLV25" s="61"/>
      <c r="DLW25" s="61"/>
      <c r="DLX25" s="61"/>
      <c r="DLY25" s="61"/>
      <c r="DLZ25" s="62"/>
      <c r="DMA25" s="56"/>
      <c r="DMB25" s="61"/>
      <c r="DMC25" s="61"/>
      <c r="DMD25" s="61"/>
      <c r="DME25" s="61"/>
      <c r="DMF25" s="62"/>
      <c r="DMG25" s="56"/>
      <c r="DMH25" s="61"/>
      <c r="DMI25" s="61"/>
      <c r="DMJ25" s="61"/>
      <c r="DMK25" s="61"/>
      <c r="DML25" s="62"/>
      <c r="DMM25" s="56"/>
      <c r="DMN25" s="61"/>
      <c r="DMO25" s="61"/>
      <c r="DMP25" s="61"/>
      <c r="DMQ25" s="61"/>
      <c r="DMR25" s="62"/>
      <c r="DMS25" s="56"/>
      <c r="DMT25" s="61"/>
      <c r="DMU25" s="61"/>
      <c r="DMV25" s="61"/>
      <c r="DMW25" s="61"/>
      <c r="DMX25" s="62"/>
      <c r="DMY25" s="56"/>
      <c r="DMZ25" s="61"/>
      <c r="DNA25" s="61"/>
      <c r="DNB25" s="61"/>
      <c r="DNC25" s="61"/>
      <c r="DND25" s="62"/>
      <c r="DNE25" s="56"/>
      <c r="DNF25" s="61"/>
      <c r="DNG25" s="61"/>
      <c r="DNH25" s="61"/>
      <c r="DNI25" s="61"/>
      <c r="DNJ25" s="62"/>
      <c r="DNK25" s="56"/>
      <c r="DNL25" s="61"/>
      <c r="DNM25" s="61"/>
      <c r="DNN25" s="61"/>
      <c r="DNO25" s="61"/>
      <c r="DNP25" s="62"/>
      <c r="DNQ25" s="56"/>
      <c r="DNR25" s="61"/>
      <c r="DNS25" s="61"/>
      <c r="DNT25" s="61"/>
      <c r="DNU25" s="61"/>
      <c r="DNV25" s="62"/>
      <c r="DNW25" s="56"/>
      <c r="DNX25" s="61"/>
      <c r="DNY25" s="61"/>
      <c r="DNZ25" s="61"/>
      <c r="DOA25" s="61"/>
      <c r="DOB25" s="62"/>
      <c r="DOC25" s="56"/>
      <c r="DOD25" s="61"/>
      <c r="DOE25" s="61"/>
      <c r="DOF25" s="61"/>
      <c r="DOG25" s="61"/>
      <c r="DOH25" s="62"/>
      <c r="DOI25" s="56"/>
      <c r="DOJ25" s="61"/>
      <c r="DOK25" s="61"/>
      <c r="DOL25" s="61"/>
      <c r="DOM25" s="61"/>
      <c r="DON25" s="62"/>
      <c r="DOO25" s="56"/>
      <c r="DOP25" s="61"/>
      <c r="DOQ25" s="61"/>
      <c r="DOR25" s="61"/>
      <c r="DOS25" s="61"/>
      <c r="DOT25" s="62"/>
      <c r="DOU25" s="56"/>
      <c r="DOV25" s="61"/>
      <c r="DOW25" s="61"/>
      <c r="DOX25" s="61"/>
      <c r="DOY25" s="61"/>
      <c r="DOZ25" s="62"/>
      <c r="DPA25" s="56"/>
      <c r="DPB25" s="61"/>
      <c r="DPC25" s="61"/>
      <c r="DPD25" s="61"/>
      <c r="DPE25" s="61"/>
      <c r="DPF25" s="62"/>
      <c r="DPG25" s="56"/>
      <c r="DPH25" s="61"/>
      <c r="DPI25" s="61"/>
      <c r="DPJ25" s="61"/>
      <c r="DPK25" s="61"/>
      <c r="DPL25" s="62"/>
      <c r="DPM25" s="56"/>
      <c r="DPN25" s="61"/>
      <c r="DPO25" s="61"/>
      <c r="DPP25" s="61"/>
      <c r="DPQ25" s="61"/>
      <c r="DPR25" s="62"/>
      <c r="DPS25" s="56"/>
      <c r="DPT25" s="61"/>
      <c r="DPU25" s="61"/>
      <c r="DPV25" s="61"/>
      <c r="DPW25" s="61"/>
      <c r="DPX25" s="62"/>
      <c r="DPY25" s="56"/>
      <c r="DPZ25" s="61"/>
      <c r="DQA25" s="61"/>
      <c r="DQB25" s="61"/>
      <c r="DQC25" s="61"/>
      <c r="DQD25" s="62"/>
      <c r="DQE25" s="56"/>
      <c r="DQF25" s="61"/>
      <c r="DQG25" s="61"/>
      <c r="DQH25" s="61"/>
      <c r="DQI25" s="61"/>
      <c r="DQJ25" s="62"/>
      <c r="DQK25" s="56"/>
      <c r="DQL25" s="61"/>
      <c r="DQM25" s="61"/>
      <c r="DQN25" s="61"/>
      <c r="DQO25" s="61"/>
      <c r="DQP25" s="62"/>
      <c r="DQQ25" s="56"/>
      <c r="DQR25" s="61"/>
      <c r="DQS25" s="61"/>
      <c r="DQT25" s="61"/>
      <c r="DQU25" s="61"/>
      <c r="DQV25" s="62"/>
      <c r="DQW25" s="56"/>
      <c r="DQX25" s="61"/>
      <c r="DQY25" s="61"/>
      <c r="DQZ25" s="61"/>
      <c r="DRA25" s="61"/>
      <c r="DRB25" s="62"/>
      <c r="DRC25" s="56"/>
      <c r="DRD25" s="61"/>
      <c r="DRE25" s="61"/>
      <c r="DRF25" s="61"/>
      <c r="DRG25" s="61"/>
      <c r="DRH25" s="62"/>
      <c r="DRI25" s="56"/>
      <c r="DRJ25" s="61"/>
      <c r="DRK25" s="61"/>
      <c r="DRL25" s="61"/>
      <c r="DRM25" s="61"/>
      <c r="DRN25" s="62"/>
      <c r="DRO25" s="56"/>
      <c r="DRP25" s="61"/>
      <c r="DRQ25" s="61"/>
      <c r="DRR25" s="61"/>
      <c r="DRS25" s="61"/>
      <c r="DRT25" s="62"/>
      <c r="DRU25" s="56"/>
      <c r="DRV25" s="61"/>
      <c r="DRW25" s="61"/>
      <c r="DRX25" s="61"/>
      <c r="DRY25" s="61"/>
      <c r="DRZ25" s="62"/>
      <c r="DSA25" s="56"/>
      <c r="DSB25" s="61"/>
      <c r="DSC25" s="61"/>
      <c r="DSD25" s="61"/>
      <c r="DSE25" s="61"/>
      <c r="DSF25" s="62"/>
      <c r="DSG25" s="56"/>
      <c r="DSH25" s="61"/>
      <c r="DSI25" s="61"/>
      <c r="DSJ25" s="61"/>
      <c r="DSK25" s="61"/>
      <c r="DSL25" s="62"/>
      <c r="DSM25" s="56"/>
      <c r="DSN25" s="61"/>
      <c r="DSO25" s="61"/>
      <c r="DSP25" s="61"/>
      <c r="DSQ25" s="61"/>
      <c r="DSR25" s="62"/>
      <c r="DSS25" s="56"/>
      <c r="DST25" s="61"/>
      <c r="DSU25" s="61"/>
      <c r="DSV25" s="61"/>
      <c r="DSW25" s="61"/>
      <c r="DSX25" s="62"/>
      <c r="DSY25" s="56"/>
      <c r="DSZ25" s="61"/>
      <c r="DTA25" s="61"/>
      <c r="DTB25" s="61"/>
      <c r="DTC25" s="61"/>
      <c r="DTD25" s="62"/>
      <c r="DTE25" s="56"/>
      <c r="DTF25" s="61"/>
      <c r="DTG25" s="61"/>
      <c r="DTH25" s="61"/>
      <c r="DTI25" s="61"/>
      <c r="DTJ25" s="62"/>
      <c r="DTK25" s="56"/>
      <c r="DTL25" s="61"/>
      <c r="DTM25" s="61"/>
      <c r="DTN25" s="61"/>
      <c r="DTO25" s="61"/>
      <c r="DTP25" s="62"/>
      <c r="DTQ25" s="56"/>
      <c r="DTR25" s="61"/>
      <c r="DTS25" s="61"/>
      <c r="DTT25" s="61"/>
      <c r="DTU25" s="61"/>
      <c r="DTV25" s="62"/>
      <c r="DTW25" s="56"/>
      <c r="DTX25" s="61"/>
      <c r="DTY25" s="61"/>
      <c r="DTZ25" s="61"/>
      <c r="DUA25" s="61"/>
      <c r="DUB25" s="62"/>
      <c r="DUC25" s="56"/>
      <c r="DUD25" s="61"/>
      <c r="DUE25" s="61"/>
      <c r="DUF25" s="61"/>
      <c r="DUG25" s="61"/>
      <c r="DUH25" s="62"/>
      <c r="DUI25" s="56"/>
      <c r="DUJ25" s="61"/>
      <c r="DUK25" s="61"/>
      <c r="DUL25" s="61"/>
      <c r="DUM25" s="61"/>
      <c r="DUN25" s="62"/>
      <c r="DUO25" s="56"/>
      <c r="DUP25" s="61"/>
      <c r="DUQ25" s="61"/>
      <c r="DUR25" s="61"/>
      <c r="DUS25" s="61"/>
      <c r="DUT25" s="62"/>
      <c r="DUU25" s="56"/>
      <c r="DUV25" s="61"/>
      <c r="DUW25" s="61"/>
      <c r="DUX25" s="61"/>
      <c r="DUY25" s="61"/>
      <c r="DUZ25" s="62"/>
      <c r="DVA25" s="56"/>
      <c r="DVB25" s="61"/>
      <c r="DVC25" s="61"/>
      <c r="DVD25" s="61"/>
      <c r="DVE25" s="61"/>
      <c r="DVF25" s="62"/>
      <c r="DVG25" s="56"/>
      <c r="DVH25" s="61"/>
      <c r="DVI25" s="61"/>
      <c r="DVJ25" s="61"/>
      <c r="DVK25" s="61"/>
      <c r="DVL25" s="62"/>
      <c r="DVM25" s="56"/>
      <c r="DVN25" s="61"/>
      <c r="DVO25" s="61"/>
      <c r="DVP25" s="61"/>
      <c r="DVQ25" s="61"/>
      <c r="DVR25" s="62"/>
      <c r="DVS25" s="56"/>
      <c r="DVT25" s="61"/>
      <c r="DVU25" s="61"/>
      <c r="DVV25" s="61"/>
      <c r="DVW25" s="61"/>
      <c r="DVX25" s="62"/>
      <c r="DVY25" s="56"/>
      <c r="DVZ25" s="61"/>
      <c r="DWA25" s="61"/>
      <c r="DWB25" s="61"/>
      <c r="DWC25" s="61"/>
      <c r="DWD25" s="62"/>
      <c r="DWE25" s="56"/>
      <c r="DWF25" s="61"/>
      <c r="DWG25" s="61"/>
      <c r="DWH25" s="61"/>
      <c r="DWI25" s="61"/>
      <c r="DWJ25" s="62"/>
      <c r="DWK25" s="56"/>
      <c r="DWL25" s="61"/>
      <c r="DWM25" s="61"/>
      <c r="DWN25" s="61"/>
      <c r="DWO25" s="61"/>
      <c r="DWP25" s="62"/>
      <c r="DWQ25" s="56"/>
      <c r="DWR25" s="61"/>
      <c r="DWS25" s="61"/>
      <c r="DWT25" s="61"/>
      <c r="DWU25" s="61"/>
      <c r="DWV25" s="62"/>
      <c r="DWW25" s="56"/>
      <c r="DWX25" s="61"/>
      <c r="DWY25" s="61"/>
      <c r="DWZ25" s="61"/>
      <c r="DXA25" s="61"/>
      <c r="DXB25" s="62"/>
      <c r="DXC25" s="56"/>
      <c r="DXD25" s="61"/>
      <c r="DXE25" s="61"/>
      <c r="DXF25" s="61"/>
      <c r="DXG25" s="61"/>
      <c r="DXH25" s="62"/>
      <c r="DXI25" s="56"/>
      <c r="DXJ25" s="61"/>
      <c r="DXK25" s="61"/>
      <c r="DXL25" s="61"/>
      <c r="DXM25" s="61"/>
      <c r="DXN25" s="62"/>
      <c r="DXO25" s="56"/>
      <c r="DXP25" s="61"/>
      <c r="DXQ25" s="61"/>
      <c r="DXR25" s="61"/>
      <c r="DXS25" s="61"/>
      <c r="DXT25" s="62"/>
      <c r="DXU25" s="56"/>
      <c r="DXV25" s="61"/>
      <c r="DXW25" s="61"/>
      <c r="DXX25" s="61"/>
      <c r="DXY25" s="61"/>
      <c r="DXZ25" s="62"/>
      <c r="DYA25" s="56"/>
      <c r="DYB25" s="61"/>
      <c r="DYC25" s="61"/>
      <c r="DYD25" s="61"/>
      <c r="DYE25" s="61"/>
      <c r="DYF25" s="62"/>
      <c r="DYG25" s="56"/>
      <c r="DYH25" s="61"/>
      <c r="DYI25" s="61"/>
      <c r="DYJ25" s="61"/>
      <c r="DYK25" s="61"/>
      <c r="DYL25" s="62"/>
      <c r="DYM25" s="56"/>
      <c r="DYN25" s="61"/>
      <c r="DYO25" s="61"/>
      <c r="DYP25" s="61"/>
      <c r="DYQ25" s="61"/>
      <c r="DYR25" s="62"/>
      <c r="DYS25" s="56"/>
      <c r="DYT25" s="61"/>
      <c r="DYU25" s="61"/>
      <c r="DYV25" s="61"/>
      <c r="DYW25" s="61"/>
      <c r="DYX25" s="62"/>
      <c r="DYY25" s="56"/>
      <c r="DYZ25" s="61"/>
      <c r="DZA25" s="61"/>
      <c r="DZB25" s="61"/>
      <c r="DZC25" s="61"/>
      <c r="DZD25" s="62"/>
      <c r="DZE25" s="56"/>
      <c r="DZF25" s="61"/>
      <c r="DZG25" s="61"/>
      <c r="DZH25" s="61"/>
      <c r="DZI25" s="61"/>
      <c r="DZJ25" s="62"/>
      <c r="DZK25" s="56"/>
      <c r="DZL25" s="61"/>
      <c r="DZM25" s="61"/>
      <c r="DZN25" s="61"/>
      <c r="DZO25" s="61"/>
      <c r="DZP25" s="62"/>
      <c r="DZQ25" s="56"/>
      <c r="DZR25" s="61"/>
      <c r="DZS25" s="61"/>
      <c r="DZT25" s="61"/>
      <c r="DZU25" s="61"/>
      <c r="DZV25" s="62"/>
      <c r="DZW25" s="56"/>
      <c r="DZX25" s="61"/>
      <c r="DZY25" s="61"/>
      <c r="DZZ25" s="61"/>
      <c r="EAA25" s="61"/>
      <c r="EAB25" s="62"/>
      <c r="EAC25" s="56"/>
      <c r="EAD25" s="61"/>
      <c r="EAE25" s="61"/>
      <c r="EAF25" s="61"/>
      <c r="EAG25" s="61"/>
      <c r="EAH25" s="62"/>
      <c r="EAI25" s="56"/>
      <c r="EAJ25" s="61"/>
      <c r="EAK25" s="61"/>
      <c r="EAL25" s="61"/>
      <c r="EAM25" s="61"/>
      <c r="EAN25" s="62"/>
      <c r="EAO25" s="56"/>
      <c r="EAP25" s="61"/>
      <c r="EAQ25" s="61"/>
      <c r="EAR25" s="61"/>
      <c r="EAS25" s="61"/>
      <c r="EAT25" s="62"/>
      <c r="EAU25" s="56"/>
      <c r="EAV25" s="61"/>
      <c r="EAW25" s="61"/>
      <c r="EAX25" s="61"/>
      <c r="EAY25" s="61"/>
      <c r="EAZ25" s="62"/>
      <c r="EBA25" s="56"/>
      <c r="EBB25" s="61"/>
      <c r="EBC25" s="61"/>
      <c r="EBD25" s="61"/>
      <c r="EBE25" s="61"/>
      <c r="EBF25" s="62"/>
      <c r="EBG25" s="56"/>
      <c r="EBH25" s="61"/>
      <c r="EBI25" s="61"/>
      <c r="EBJ25" s="61"/>
      <c r="EBK25" s="61"/>
      <c r="EBL25" s="62"/>
      <c r="EBM25" s="56"/>
      <c r="EBN25" s="61"/>
      <c r="EBO25" s="61"/>
      <c r="EBP25" s="61"/>
      <c r="EBQ25" s="61"/>
      <c r="EBR25" s="62"/>
      <c r="EBS25" s="56"/>
      <c r="EBT25" s="61"/>
      <c r="EBU25" s="61"/>
      <c r="EBV25" s="61"/>
      <c r="EBW25" s="61"/>
      <c r="EBX25" s="62"/>
      <c r="EBY25" s="56"/>
      <c r="EBZ25" s="61"/>
      <c r="ECA25" s="61"/>
      <c r="ECB25" s="61"/>
      <c r="ECC25" s="61"/>
      <c r="ECD25" s="62"/>
      <c r="ECE25" s="56"/>
      <c r="ECF25" s="61"/>
      <c r="ECG25" s="61"/>
      <c r="ECH25" s="61"/>
      <c r="ECI25" s="61"/>
      <c r="ECJ25" s="62"/>
      <c r="ECK25" s="56"/>
      <c r="ECL25" s="61"/>
      <c r="ECM25" s="61"/>
      <c r="ECN25" s="61"/>
      <c r="ECO25" s="61"/>
      <c r="ECP25" s="62"/>
      <c r="ECQ25" s="56"/>
      <c r="ECR25" s="61"/>
      <c r="ECS25" s="61"/>
      <c r="ECT25" s="61"/>
      <c r="ECU25" s="61"/>
      <c r="ECV25" s="62"/>
      <c r="ECW25" s="56"/>
      <c r="ECX25" s="61"/>
      <c r="ECY25" s="61"/>
      <c r="ECZ25" s="61"/>
      <c r="EDA25" s="61"/>
      <c r="EDB25" s="62"/>
      <c r="EDC25" s="56"/>
      <c r="EDD25" s="61"/>
      <c r="EDE25" s="61"/>
      <c r="EDF25" s="61"/>
      <c r="EDG25" s="61"/>
      <c r="EDH25" s="62"/>
      <c r="EDI25" s="56"/>
      <c r="EDJ25" s="61"/>
      <c r="EDK25" s="61"/>
      <c r="EDL25" s="61"/>
      <c r="EDM25" s="61"/>
      <c r="EDN25" s="62"/>
      <c r="EDO25" s="56"/>
      <c r="EDP25" s="61"/>
      <c r="EDQ25" s="61"/>
      <c r="EDR25" s="61"/>
      <c r="EDS25" s="61"/>
      <c r="EDT25" s="62"/>
      <c r="EDU25" s="56"/>
      <c r="EDV25" s="61"/>
      <c r="EDW25" s="61"/>
      <c r="EDX25" s="61"/>
      <c r="EDY25" s="61"/>
      <c r="EDZ25" s="62"/>
      <c r="EEA25" s="56"/>
      <c r="EEB25" s="61"/>
      <c r="EEC25" s="61"/>
      <c r="EED25" s="61"/>
      <c r="EEE25" s="61"/>
      <c r="EEF25" s="62"/>
      <c r="EEG25" s="56"/>
      <c r="EEH25" s="61"/>
      <c r="EEI25" s="61"/>
      <c r="EEJ25" s="61"/>
      <c r="EEK25" s="61"/>
      <c r="EEL25" s="62"/>
      <c r="EEM25" s="56"/>
      <c r="EEN25" s="61"/>
      <c r="EEO25" s="61"/>
      <c r="EEP25" s="61"/>
      <c r="EEQ25" s="61"/>
      <c r="EER25" s="62"/>
      <c r="EES25" s="56"/>
      <c r="EET25" s="61"/>
      <c r="EEU25" s="61"/>
      <c r="EEV25" s="61"/>
      <c r="EEW25" s="61"/>
      <c r="EEX25" s="62"/>
      <c r="EEY25" s="56"/>
      <c r="EEZ25" s="61"/>
      <c r="EFA25" s="61"/>
      <c r="EFB25" s="61"/>
      <c r="EFC25" s="61"/>
      <c r="EFD25" s="62"/>
      <c r="EFE25" s="56"/>
      <c r="EFF25" s="61"/>
      <c r="EFG25" s="61"/>
      <c r="EFH25" s="61"/>
      <c r="EFI25" s="61"/>
      <c r="EFJ25" s="62"/>
      <c r="EFK25" s="56"/>
      <c r="EFL25" s="61"/>
      <c r="EFM25" s="61"/>
      <c r="EFN25" s="61"/>
      <c r="EFO25" s="61"/>
      <c r="EFP25" s="62"/>
      <c r="EFQ25" s="56"/>
      <c r="EFR25" s="61"/>
      <c r="EFS25" s="61"/>
      <c r="EFT25" s="61"/>
      <c r="EFU25" s="61"/>
      <c r="EFV25" s="62"/>
      <c r="EFW25" s="56"/>
      <c r="EFX25" s="61"/>
      <c r="EFY25" s="61"/>
      <c r="EFZ25" s="61"/>
      <c r="EGA25" s="61"/>
      <c r="EGB25" s="62"/>
      <c r="EGC25" s="56"/>
      <c r="EGD25" s="61"/>
      <c r="EGE25" s="61"/>
      <c r="EGF25" s="61"/>
      <c r="EGG25" s="61"/>
      <c r="EGH25" s="62"/>
      <c r="EGI25" s="56"/>
      <c r="EGJ25" s="61"/>
      <c r="EGK25" s="61"/>
      <c r="EGL25" s="61"/>
      <c r="EGM25" s="61"/>
      <c r="EGN25" s="62"/>
      <c r="EGO25" s="56"/>
      <c r="EGP25" s="61"/>
      <c r="EGQ25" s="61"/>
      <c r="EGR25" s="61"/>
      <c r="EGS25" s="61"/>
      <c r="EGT25" s="62"/>
      <c r="EGU25" s="56"/>
      <c r="EGV25" s="61"/>
      <c r="EGW25" s="61"/>
      <c r="EGX25" s="61"/>
      <c r="EGY25" s="61"/>
      <c r="EGZ25" s="62"/>
      <c r="EHA25" s="56"/>
      <c r="EHB25" s="61"/>
      <c r="EHC25" s="61"/>
      <c r="EHD25" s="61"/>
      <c r="EHE25" s="61"/>
      <c r="EHF25" s="62"/>
      <c r="EHG25" s="56"/>
      <c r="EHH25" s="61"/>
      <c r="EHI25" s="61"/>
      <c r="EHJ25" s="61"/>
      <c r="EHK25" s="61"/>
      <c r="EHL25" s="62"/>
      <c r="EHM25" s="56"/>
      <c r="EHN25" s="61"/>
      <c r="EHO25" s="61"/>
      <c r="EHP25" s="61"/>
      <c r="EHQ25" s="61"/>
      <c r="EHR25" s="62"/>
      <c r="EHS25" s="56"/>
      <c r="EHT25" s="61"/>
      <c r="EHU25" s="61"/>
      <c r="EHV25" s="61"/>
      <c r="EHW25" s="61"/>
      <c r="EHX25" s="62"/>
      <c r="EHY25" s="56"/>
      <c r="EHZ25" s="61"/>
      <c r="EIA25" s="61"/>
      <c r="EIB25" s="61"/>
      <c r="EIC25" s="61"/>
      <c r="EID25" s="62"/>
      <c r="EIE25" s="56"/>
      <c r="EIF25" s="61"/>
      <c r="EIG25" s="61"/>
      <c r="EIH25" s="61"/>
      <c r="EII25" s="61"/>
      <c r="EIJ25" s="62"/>
      <c r="EIK25" s="56"/>
      <c r="EIL25" s="61"/>
      <c r="EIM25" s="61"/>
      <c r="EIN25" s="61"/>
      <c r="EIO25" s="61"/>
      <c r="EIP25" s="62"/>
      <c r="EIQ25" s="56"/>
      <c r="EIR25" s="61"/>
      <c r="EIS25" s="61"/>
      <c r="EIT25" s="61"/>
      <c r="EIU25" s="61"/>
      <c r="EIV25" s="62"/>
      <c r="EIW25" s="56"/>
      <c r="EIX25" s="61"/>
      <c r="EIY25" s="61"/>
      <c r="EIZ25" s="61"/>
      <c r="EJA25" s="61"/>
      <c r="EJB25" s="62"/>
      <c r="EJC25" s="56"/>
      <c r="EJD25" s="61"/>
      <c r="EJE25" s="61"/>
      <c r="EJF25" s="61"/>
      <c r="EJG25" s="61"/>
      <c r="EJH25" s="62"/>
      <c r="EJI25" s="56"/>
      <c r="EJJ25" s="61"/>
      <c r="EJK25" s="61"/>
      <c r="EJL25" s="61"/>
      <c r="EJM25" s="61"/>
      <c r="EJN25" s="62"/>
      <c r="EJO25" s="56"/>
      <c r="EJP25" s="61"/>
      <c r="EJQ25" s="61"/>
      <c r="EJR25" s="61"/>
      <c r="EJS25" s="61"/>
      <c r="EJT25" s="62"/>
      <c r="EJU25" s="56"/>
      <c r="EJV25" s="61"/>
      <c r="EJW25" s="61"/>
      <c r="EJX25" s="61"/>
      <c r="EJY25" s="61"/>
      <c r="EJZ25" s="62"/>
      <c r="EKA25" s="56"/>
      <c r="EKB25" s="61"/>
      <c r="EKC25" s="61"/>
      <c r="EKD25" s="61"/>
      <c r="EKE25" s="61"/>
      <c r="EKF25" s="62"/>
      <c r="EKG25" s="56"/>
      <c r="EKH25" s="61"/>
      <c r="EKI25" s="61"/>
      <c r="EKJ25" s="61"/>
      <c r="EKK25" s="61"/>
      <c r="EKL25" s="62"/>
      <c r="EKM25" s="56"/>
      <c r="EKN25" s="61"/>
      <c r="EKO25" s="61"/>
      <c r="EKP25" s="61"/>
      <c r="EKQ25" s="61"/>
      <c r="EKR25" s="62"/>
      <c r="EKS25" s="56"/>
      <c r="EKT25" s="61"/>
      <c r="EKU25" s="61"/>
      <c r="EKV25" s="61"/>
      <c r="EKW25" s="61"/>
      <c r="EKX25" s="62"/>
      <c r="EKY25" s="56"/>
      <c r="EKZ25" s="61"/>
      <c r="ELA25" s="61"/>
      <c r="ELB25" s="61"/>
      <c r="ELC25" s="61"/>
      <c r="ELD25" s="62"/>
      <c r="ELE25" s="56"/>
      <c r="ELF25" s="61"/>
      <c r="ELG25" s="61"/>
      <c r="ELH25" s="61"/>
      <c r="ELI25" s="61"/>
      <c r="ELJ25" s="62"/>
      <c r="ELK25" s="56"/>
      <c r="ELL25" s="61"/>
      <c r="ELM25" s="61"/>
      <c r="ELN25" s="61"/>
      <c r="ELO25" s="61"/>
      <c r="ELP25" s="62"/>
      <c r="ELQ25" s="56"/>
      <c r="ELR25" s="61"/>
      <c r="ELS25" s="61"/>
      <c r="ELT25" s="61"/>
      <c r="ELU25" s="61"/>
      <c r="ELV25" s="62"/>
      <c r="ELW25" s="56"/>
      <c r="ELX25" s="61"/>
      <c r="ELY25" s="61"/>
      <c r="ELZ25" s="61"/>
      <c r="EMA25" s="61"/>
      <c r="EMB25" s="62"/>
      <c r="EMC25" s="56"/>
      <c r="EMD25" s="61"/>
      <c r="EME25" s="61"/>
      <c r="EMF25" s="61"/>
      <c r="EMG25" s="61"/>
      <c r="EMH25" s="62"/>
      <c r="EMI25" s="56"/>
      <c r="EMJ25" s="61"/>
      <c r="EMK25" s="61"/>
      <c r="EML25" s="61"/>
      <c r="EMM25" s="61"/>
      <c r="EMN25" s="62"/>
      <c r="EMO25" s="56"/>
      <c r="EMP25" s="61"/>
      <c r="EMQ25" s="61"/>
      <c r="EMR25" s="61"/>
      <c r="EMS25" s="61"/>
      <c r="EMT25" s="62"/>
      <c r="EMU25" s="56"/>
      <c r="EMV25" s="61"/>
      <c r="EMW25" s="61"/>
      <c r="EMX25" s="61"/>
      <c r="EMY25" s="61"/>
      <c r="EMZ25" s="62"/>
      <c r="ENA25" s="56"/>
      <c r="ENB25" s="61"/>
      <c r="ENC25" s="61"/>
      <c r="END25" s="61"/>
      <c r="ENE25" s="61"/>
      <c r="ENF25" s="62"/>
      <c r="ENG25" s="56"/>
      <c r="ENH25" s="61"/>
      <c r="ENI25" s="61"/>
      <c r="ENJ25" s="61"/>
      <c r="ENK25" s="61"/>
      <c r="ENL25" s="62"/>
      <c r="ENM25" s="56"/>
      <c r="ENN25" s="61"/>
      <c r="ENO25" s="61"/>
      <c r="ENP25" s="61"/>
      <c r="ENQ25" s="61"/>
      <c r="ENR25" s="62"/>
      <c r="ENS25" s="56"/>
      <c r="ENT25" s="61"/>
      <c r="ENU25" s="61"/>
      <c r="ENV25" s="61"/>
      <c r="ENW25" s="61"/>
      <c r="ENX25" s="62"/>
      <c r="ENY25" s="56"/>
      <c r="ENZ25" s="61"/>
      <c r="EOA25" s="61"/>
      <c r="EOB25" s="61"/>
      <c r="EOC25" s="61"/>
      <c r="EOD25" s="62"/>
      <c r="EOE25" s="56"/>
      <c r="EOF25" s="61"/>
      <c r="EOG25" s="61"/>
      <c r="EOH25" s="61"/>
      <c r="EOI25" s="61"/>
      <c r="EOJ25" s="62"/>
      <c r="EOK25" s="56"/>
      <c r="EOL25" s="61"/>
      <c r="EOM25" s="61"/>
      <c r="EON25" s="61"/>
      <c r="EOO25" s="61"/>
      <c r="EOP25" s="62"/>
      <c r="EOQ25" s="56"/>
      <c r="EOR25" s="61"/>
      <c r="EOS25" s="61"/>
      <c r="EOT25" s="61"/>
      <c r="EOU25" s="61"/>
      <c r="EOV25" s="62"/>
      <c r="EOW25" s="56"/>
      <c r="EOX25" s="61"/>
      <c r="EOY25" s="61"/>
      <c r="EOZ25" s="61"/>
      <c r="EPA25" s="61"/>
      <c r="EPB25" s="62"/>
      <c r="EPC25" s="56"/>
      <c r="EPD25" s="61"/>
      <c r="EPE25" s="61"/>
      <c r="EPF25" s="61"/>
      <c r="EPG25" s="61"/>
      <c r="EPH25" s="62"/>
      <c r="EPI25" s="56"/>
      <c r="EPJ25" s="61"/>
      <c r="EPK25" s="61"/>
      <c r="EPL25" s="61"/>
      <c r="EPM25" s="61"/>
      <c r="EPN25" s="62"/>
      <c r="EPO25" s="56"/>
      <c r="EPP25" s="61"/>
      <c r="EPQ25" s="61"/>
      <c r="EPR25" s="61"/>
      <c r="EPS25" s="61"/>
      <c r="EPT25" s="62"/>
      <c r="EPU25" s="56"/>
      <c r="EPV25" s="61"/>
      <c r="EPW25" s="61"/>
      <c r="EPX25" s="61"/>
      <c r="EPY25" s="61"/>
      <c r="EPZ25" s="62"/>
      <c r="EQA25" s="56"/>
      <c r="EQB25" s="61"/>
      <c r="EQC25" s="61"/>
      <c r="EQD25" s="61"/>
      <c r="EQE25" s="61"/>
      <c r="EQF25" s="62"/>
      <c r="EQG25" s="56"/>
      <c r="EQH25" s="61"/>
      <c r="EQI25" s="61"/>
      <c r="EQJ25" s="61"/>
      <c r="EQK25" s="61"/>
      <c r="EQL25" s="62"/>
      <c r="EQM25" s="56"/>
      <c r="EQN25" s="61"/>
      <c r="EQO25" s="61"/>
      <c r="EQP25" s="61"/>
      <c r="EQQ25" s="61"/>
      <c r="EQR25" s="62"/>
      <c r="EQS25" s="56"/>
      <c r="EQT25" s="61"/>
      <c r="EQU25" s="61"/>
      <c r="EQV25" s="61"/>
      <c r="EQW25" s="61"/>
      <c r="EQX25" s="62"/>
      <c r="EQY25" s="56"/>
      <c r="EQZ25" s="61"/>
      <c r="ERA25" s="61"/>
      <c r="ERB25" s="61"/>
      <c r="ERC25" s="61"/>
      <c r="ERD25" s="62"/>
      <c r="ERE25" s="56"/>
      <c r="ERF25" s="61"/>
      <c r="ERG25" s="61"/>
      <c r="ERH25" s="61"/>
      <c r="ERI25" s="61"/>
      <c r="ERJ25" s="62"/>
      <c r="ERK25" s="56"/>
      <c r="ERL25" s="61"/>
      <c r="ERM25" s="61"/>
      <c r="ERN25" s="61"/>
      <c r="ERO25" s="61"/>
      <c r="ERP25" s="62"/>
      <c r="ERQ25" s="56"/>
      <c r="ERR25" s="61"/>
      <c r="ERS25" s="61"/>
      <c r="ERT25" s="61"/>
      <c r="ERU25" s="61"/>
      <c r="ERV25" s="62"/>
      <c r="ERW25" s="56"/>
      <c r="ERX25" s="61"/>
      <c r="ERY25" s="61"/>
      <c r="ERZ25" s="61"/>
      <c r="ESA25" s="61"/>
      <c r="ESB25" s="62"/>
      <c r="ESC25" s="56"/>
      <c r="ESD25" s="61"/>
      <c r="ESE25" s="61"/>
      <c r="ESF25" s="61"/>
      <c r="ESG25" s="61"/>
      <c r="ESH25" s="62"/>
      <c r="ESI25" s="56"/>
      <c r="ESJ25" s="61"/>
      <c r="ESK25" s="61"/>
      <c r="ESL25" s="61"/>
      <c r="ESM25" s="61"/>
      <c r="ESN25" s="62"/>
      <c r="ESO25" s="56"/>
      <c r="ESP25" s="61"/>
      <c r="ESQ25" s="61"/>
      <c r="ESR25" s="61"/>
      <c r="ESS25" s="61"/>
      <c r="EST25" s="62"/>
      <c r="ESU25" s="56"/>
      <c r="ESV25" s="61"/>
      <c r="ESW25" s="61"/>
      <c r="ESX25" s="61"/>
      <c r="ESY25" s="61"/>
      <c r="ESZ25" s="62"/>
      <c r="ETA25" s="56"/>
      <c r="ETB25" s="61"/>
      <c r="ETC25" s="61"/>
      <c r="ETD25" s="61"/>
      <c r="ETE25" s="61"/>
      <c r="ETF25" s="62"/>
      <c r="ETG25" s="56"/>
      <c r="ETH25" s="61"/>
      <c r="ETI25" s="61"/>
      <c r="ETJ25" s="61"/>
      <c r="ETK25" s="61"/>
      <c r="ETL25" s="62"/>
      <c r="ETM25" s="56"/>
      <c r="ETN25" s="61"/>
      <c r="ETO25" s="61"/>
      <c r="ETP25" s="61"/>
      <c r="ETQ25" s="61"/>
      <c r="ETR25" s="62"/>
      <c r="ETS25" s="56"/>
      <c r="ETT25" s="61"/>
      <c r="ETU25" s="61"/>
      <c r="ETV25" s="61"/>
      <c r="ETW25" s="61"/>
      <c r="ETX25" s="62"/>
      <c r="ETY25" s="56"/>
      <c r="ETZ25" s="61"/>
      <c r="EUA25" s="61"/>
      <c r="EUB25" s="61"/>
      <c r="EUC25" s="61"/>
      <c r="EUD25" s="62"/>
      <c r="EUE25" s="56"/>
      <c r="EUF25" s="61"/>
      <c r="EUG25" s="61"/>
      <c r="EUH25" s="61"/>
      <c r="EUI25" s="61"/>
      <c r="EUJ25" s="62"/>
      <c r="EUK25" s="56"/>
      <c r="EUL25" s="61"/>
      <c r="EUM25" s="61"/>
      <c r="EUN25" s="61"/>
      <c r="EUO25" s="61"/>
      <c r="EUP25" s="62"/>
      <c r="EUQ25" s="56"/>
      <c r="EUR25" s="61"/>
      <c r="EUS25" s="61"/>
      <c r="EUT25" s="61"/>
      <c r="EUU25" s="61"/>
      <c r="EUV25" s="62"/>
      <c r="EUW25" s="56"/>
      <c r="EUX25" s="61"/>
      <c r="EUY25" s="61"/>
      <c r="EUZ25" s="61"/>
      <c r="EVA25" s="61"/>
      <c r="EVB25" s="62"/>
      <c r="EVC25" s="56"/>
      <c r="EVD25" s="61"/>
      <c r="EVE25" s="61"/>
      <c r="EVF25" s="61"/>
      <c r="EVG25" s="61"/>
      <c r="EVH25" s="62"/>
      <c r="EVI25" s="56"/>
      <c r="EVJ25" s="61"/>
      <c r="EVK25" s="61"/>
      <c r="EVL25" s="61"/>
      <c r="EVM25" s="61"/>
      <c r="EVN25" s="62"/>
      <c r="EVO25" s="56"/>
      <c r="EVP25" s="61"/>
      <c r="EVQ25" s="61"/>
      <c r="EVR25" s="61"/>
      <c r="EVS25" s="61"/>
      <c r="EVT25" s="62"/>
      <c r="EVU25" s="56"/>
      <c r="EVV25" s="61"/>
      <c r="EVW25" s="61"/>
      <c r="EVX25" s="61"/>
      <c r="EVY25" s="61"/>
      <c r="EVZ25" s="62"/>
      <c r="EWA25" s="56"/>
      <c r="EWB25" s="61"/>
      <c r="EWC25" s="61"/>
      <c r="EWD25" s="61"/>
      <c r="EWE25" s="61"/>
      <c r="EWF25" s="62"/>
      <c r="EWG25" s="56"/>
      <c r="EWH25" s="61"/>
      <c r="EWI25" s="61"/>
      <c r="EWJ25" s="61"/>
      <c r="EWK25" s="61"/>
      <c r="EWL25" s="62"/>
      <c r="EWM25" s="56"/>
      <c r="EWN25" s="61"/>
      <c r="EWO25" s="61"/>
      <c r="EWP25" s="61"/>
      <c r="EWQ25" s="61"/>
      <c r="EWR25" s="62"/>
      <c r="EWS25" s="56"/>
      <c r="EWT25" s="61"/>
      <c r="EWU25" s="61"/>
      <c r="EWV25" s="61"/>
      <c r="EWW25" s="61"/>
      <c r="EWX25" s="62"/>
      <c r="EWY25" s="56"/>
      <c r="EWZ25" s="61"/>
      <c r="EXA25" s="61"/>
      <c r="EXB25" s="61"/>
      <c r="EXC25" s="61"/>
      <c r="EXD25" s="62"/>
      <c r="EXE25" s="56"/>
      <c r="EXF25" s="61"/>
      <c r="EXG25" s="61"/>
      <c r="EXH25" s="61"/>
      <c r="EXI25" s="61"/>
      <c r="EXJ25" s="62"/>
      <c r="EXK25" s="56"/>
      <c r="EXL25" s="61"/>
      <c r="EXM25" s="61"/>
      <c r="EXN25" s="61"/>
      <c r="EXO25" s="61"/>
      <c r="EXP25" s="62"/>
      <c r="EXQ25" s="56"/>
      <c r="EXR25" s="61"/>
      <c r="EXS25" s="61"/>
      <c r="EXT25" s="61"/>
      <c r="EXU25" s="61"/>
      <c r="EXV25" s="62"/>
      <c r="EXW25" s="56"/>
      <c r="EXX25" s="61"/>
      <c r="EXY25" s="61"/>
      <c r="EXZ25" s="61"/>
      <c r="EYA25" s="61"/>
      <c r="EYB25" s="62"/>
      <c r="EYC25" s="56"/>
      <c r="EYD25" s="61"/>
      <c r="EYE25" s="61"/>
      <c r="EYF25" s="61"/>
      <c r="EYG25" s="61"/>
      <c r="EYH25" s="62"/>
      <c r="EYI25" s="56"/>
      <c r="EYJ25" s="61"/>
      <c r="EYK25" s="61"/>
      <c r="EYL25" s="61"/>
      <c r="EYM25" s="61"/>
      <c r="EYN25" s="62"/>
      <c r="EYO25" s="56"/>
      <c r="EYP25" s="61"/>
      <c r="EYQ25" s="61"/>
      <c r="EYR25" s="61"/>
      <c r="EYS25" s="61"/>
      <c r="EYT25" s="62"/>
      <c r="EYU25" s="56"/>
      <c r="EYV25" s="61"/>
      <c r="EYW25" s="61"/>
      <c r="EYX25" s="61"/>
      <c r="EYY25" s="61"/>
      <c r="EYZ25" s="62"/>
      <c r="EZA25" s="56"/>
      <c r="EZB25" s="61"/>
      <c r="EZC25" s="61"/>
      <c r="EZD25" s="61"/>
      <c r="EZE25" s="61"/>
      <c r="EZF25" s="62"/>
      <c r="EZG25" s="56"/>
      <c r="EZH25" s="61"/>
      <c r="EZI25" s="61"/>
      <c r="EZJ25" s="61"/>
      <c r="EZK25" s="61"/>
      <c r="EZL25" s="62"/>
      <c r="EZM25" s="56"/>
      <c r="EZN25" s="61"/>
      <c r="EZO25" s="61"/>
      <c r="EZP25" s="61"/>
      <c r="EZQ25" s="61"/>
      <c r="EZR25" s="62"/>
      <c r="EZS25" s="56"/>
      <c r="EZT25" s="61"/>
      <c r="EZU25" s="61"/>
      <c r="EZV25" s="61"/>
      <c r="EZW25" s="61"/>
      <c r="EZX25" s="62"/>
      <c r="EZY25" s="56"/>
      <c r="EZZ25" s="61"/>
      <c r="FAA25" s="61"/>
      <c r="FAB25" s="61"/>
      <c r="FAC25" s="61"/>
      <c r="FAD25" s="62"/>
      <c r="FAE25" s="56"/>
      <c r="FAF25" s="61"/>
      <c r="FAG25" s="61"/>
      <c r="FAH25" s="61"/>
      <c r="FAI25" s="61"/>
      <c r="FAJ25" s="62"/>
      <c r="FAK25" s="56"/>
      <c r="FAL25" s="61"/>
      <c r="FAM25" s="61"/>
      <c r="FAN25" s="61"/>
      <c r="FAO25" s="61"/>
      <c r="FAP25" s="62"/>
      <c r="FAQ25" s="56"/>
      <c r="FAR25" s="61"/>
      <c r="FAS25" s="61"/>
      <c r="FAT25" s="61"/>
      <c r="FAU25" s="61"/>
      <c r="FAV25" s="62"/>
      <c r="FAW25" s="56"/>
      <c r="FAX25" s="61"/>
      <c r="FAY25" s="61"/>
      <c r="FAZ25" s="61"/>
      <c r="FBA25" s="61"/>
      <c r="FBB25" s="62"/>
      <c r="FBC25" s="56"/>
      <c r="FBD25" s="61"/>
      <c r="FBE25" s="61"/>
      <c r="FBF25" s="61"/>
      <c r="FBG25" s="61"/>
      <c r="FBH25" s="62"/>
      <c r="FBI25" s="56"/>
      <c r="FBJ25" s="61"/>
      <c r="FBK25" s="61"/>
      <c r="FBL25" s="61"/>
      <c r="FBM25" s="61"/>
      <c r="FBN25" s="62"/>
      <c r="FBO25" s="56"/>
      <c r="FBP25" s="61"/>
      <c r="FBQ25" s="61"/>
      <c r="FBR25" s="61"/>
      <c r="FBS25" s="61"/>
      <c r="FBT25" s="62"/>
      <c r="FBU25" s="56"/>
      <c r="FBV25" s="61"/>
      <c r="FBW25" s="61"/>
      <c r="FBX25" s="61"/>
      <c r="FBY25" s="61"/>
      <c r="FBZ25" s="62"/>
      <c r="FCA25" s="56"/>
      <c r="FCB25" s="61"/>
      <c r="FCC25" s="61"/>
      <c r="FCD25" s="61"/>
      <c r="FCE25" s="61"/>
      <c r="FCF25" s="62"/>
      <c r="FCG25" s="56"/>
      <c r="FCH25" s="61"/>
      <c r="FCI25" s="61"/>
      <c r="FCJ25" s="61"/>
      <c r="FCK25" s="61"/>
      <c r="FCL25" s="62"/>
      <c r="FCM25" s="56"/>
      <c r="FCN25" s="61"/>
      <c r="FCO25" s="61"/>
      <c r="FCP25" s="61"/>
      <c r="FCQ25" s="61"/>
      <c r="FCR25" s="62"/>
      <c r="FCS25" s="56"/>
      <c r="FCT25" s="61"/>
      <c r="FCU25" s="61"/>
      <c r="FCV25" s="61"/>
      <c r="FCW25" s="61"/>
      <c r="FCX25" s="62"/>
      <c r="FCY25" s="56"/>
      <c r="FCZ25" s="61"/>
      <c r="FDA25" s="61"/>
      <c r="FDB25" s="61"/>
      <c r="FDC25" s="61"/>
      <c r="FDD25" s="62"/>
      <c r="FDE25" s="56"/>
      <c r="FDF25" s="61"/>
      <c r="FDG25" s="61"/>
      <c r="FDH25" s="61"/>
      <c r="FDI25" s="61"/>
      <c r="FDJ25" s="62"/>
      <c r="FDK25" s="56"/>
      <c r="FDL25" s="61"/>
      <c r="FDM25" s="61"/>
      <c r="FDN25" s="61"/>
      <c r="FDO25" s="61"/>
      <c r="FDP25" s="62"/>
      <c r="FDQ25" s="56"/>
      <c r="FDR25" s="61"/>
      <c r="FDS25" s="61"/>
      <c r="FDT25" s="61"/>
      <c r="FDU25" s="61"/>
      <c r="FDV25" s="62"/>
      <c r="FDW25" s="56"/>
      <c r="FDX25" s="61"/>
      <c r="FDY25" s="61"/>
      <c r="FDZ25" s="61"/>
      <c r="FEA25" s="61"/>
      <c r="FEB25" s="62"/>
      <c r="FEC25" s="56"/>
      <c r="FED25" s="61"/>
      <c r="FEE25" s="61"/>
      <c r="FEF25" s="61"/>
      <c r="FEG25" s="61"/>
      <c r="FEH25" s="62"/>
      <c r="FEI25" s="56"/>
      <c r="FEJ25" s="61"/>
      <c r="FEK25" s="61"/>
      <c r="FEL25" s="61"/>
      <c r="FEM25" s="61"/>
      <c r="FEN25" s="62"/>
      <c r="FEO25" s="56"/>
      <c r="FEP25" s="61"/>
      <c r="FEQ25" s="61"/>
      <c r="FER25" s="61"/>
      <c r="FES25" s="61"/>
      <c r="FET25" s="62"/>
      <c r="FEU25" s="56"/>
      <c r="FEV25" s="61"/>
      <c r="FEW25" s="61"/>
      <c r="FEX25" s="61"/>
      <c r="FEY25" s="61"/>
      <c r="FEZ25" s="62"/>
      <c r="FFA25" s="56"/>
      <c r="FFB25" s="61"/>
      <c r="FFC25" s="61"/>
      <c r="FFD25" s="61"/>
      <c r="FFE25" s="61"/>
      <c r="FFF25" s="62"/>
      <c r="FFG25" s="56"/>
      <c r="FFH25" s="61"/>
      <c r="FFI25" s="61"/>
      <c r="FFJ25" s="61"/>
      <c r="FFK25" s="61"/>
      <c r="FFL25" s="62"/>
      <c r="FFM25" s="56"/>
      <c r="FFN25" s="61"/>
      <c r="FFO25" s="61"/>
      <c r="FFP25" s="61"/>
      <c r="FFQ25" s="61"/>
      <c r="FFR25" s="62"/>
      <c r="FFS25" s="56"/>
      <c r="FFT25" s="61"/>
      <c r="FFU25" s="61"/>
      <c r="FFV25" s="61"/>
      <c r="FFW25" s="61"/>
      <c r="FFX25" s="62"/>
      <c r="FFY25" s="56"/>
      <c r="FFZ25" s="61"/>
      <c r="FGA25" s="61"/>
      <c r="FGB25" s="61"/>
      <c r="FGC25" s="61"/>
      <c r="FGD25" s="62"/>
      <c r="FGE25" s="56"/>
      <c r="FGF25" s="61"/>
      <c r="FGG25" s="61"/>
      <c r="FGH25" s="61"/>
      <c r="FGI25" s="61"/>
      <c r="FGJ25" s="62"/>
      <c r="FGK25" s="56"/>
      <c r="FGL25" s="61"/>
      <c r="FGM25" s="61"/>
      <c r="FGN25" s="61"/>
      <c r="FGO25" s="61"/>
      <c r="FGP25" s="62"/>
      <c r="FGQ25" s="56"/>
      <c r="FGR25" s="61"/>
      <c r="FGS25" s="61"/>
      <c r="FGT25" s="61"/>
      <c r="FGU25" s="61"/>
      <c r="FGV25" s="62"/>
      <c r="FGW25" s="56"/>
      <c r="FGX25" s="61"/>
      <c r="FGY25" s="61"/>
      <c r="FGZ25" s="61"/>
      <c r="FHA25" s="61"/>
      <c r="FHB25" s="62"/>
      <c r="FHC25" s="56"/>
      <c r="FHD25" s="61"/>
      <c r="FHE25" s="61"/>
      <c r="FHF25" s="61"/>
      <c r="FHG25" s="61"/>
      <c r="FHH25" s="62"/>
      <c r="FHI25" s="56"/>
      <c r="FHJ25" s="61"/>
      <c r="FHK25" s="61"/>
      <c r="FHL25" s="61"/>
      <c r="FHM25" s="61"/>
      <c r="FHN25" s="62"/>
      <c r="FHO25" s="56"/>
      <c r="FHP25" s="61"/>
      <c r="FHQ25" s="61"/>
      <c r="FHR25" s="61"/>
      <c r="FHS25" s="61"/>
      <c r="FHT25" s="62"/>
      <c r="FHU25" s="56"/>
      <c r="FHV25" s="61"/>
      <c r="FHW25" s="61"/>
      <c r="FHX25" s="61"/>
      <c r="FHY25" s="61"/>
      <c r="FHZ25" s="62"/>
      <c r="FIA25" s="56"/>
      <c r="FIB25" s="61"/>
      <c r="FIC25" s="61"/>
      <c r="FID25" s="61"/>
      <c r="FIE25" s="61"/>
      <c r="FIF25" s="62"/>
      <c r="FIG25" s="56"/>
      <c r="FIH25" s="61"/>
      <c r="FII25" s="61"/>
      <c r="FIJ25" s="61"/>
      <c r="FIK25" s="61"/>
      <c r="FIL25" s="62"/>
      <c r="FIM25" s="56"/>
      <c r="FIN25" s="61"/>
      <c r="FIO25" s="61"/>
      <c r="FIP25" s="61"/>
      <c r="FIQ25" s="61"/>
      <c r="FIR25" s="62"/>
      <c r="FIS25" s="56"/>
      <c r="FIT25" s="61"/>
      <c r="FIU25" s="61"/>
      <c r="FIV25" s="61"/>
      <c r="FIW25" s="61"/>
      <c r="FIX25" s="62"/>
      <c r="FIY25" s="56"/>
      <c r="FIZ25" s="61"/>
      <c r="FJA25" s="61"/>
      <c r="FJB25" s="61"/>
      <c r="FJC25" s="61"/>
      <c r="FJD25" s="62"/>
      <c r="FJE25" s="56"/>
      <c r="FJF25" s="61"/>
      <c r="FJG25" s="61"/>
      <c r="FJH25" s="61"/>
      <c r="FJI25" s="61"/>
      <c r="FJJ25" s="62"/>
      <c r="FJK25" s="56"/>
      <c r="FJL25" s="61"/>
      <c r="FJM25" s="61"/>
      <c r="FJN25" s="61"/>
      <c r="FJO25" s="61"/>
      <c r="FJP25" s="62"/>
      <c r="FJQ25" s="56"/>
      <c r="FJR25" s="61"/>
      <c r="FJS25" s="61"/>
      <c r="FJT25" s="61"/>
      <c r="FJU25" s="61"/>
      <c r="FJV25" s="62"/>
      <c r="FJW25" s="56"/>
      <c r="FJX25" s="61"/>
      <c r="FJY25" s="61"/>
      <c r="FJZ25" s="61"/>
      <c r="FKA25" s="61"/>
      <c r="FKB25" s="62"/>
      <c r="FKC25" s="56"/>
      <c r="FKD25" s="61"/>
      <c r="FKE25" s="61"/>
      <c r="FKF25" s="61"/>
      <c r="FKG25" s="61"/>
      <c r="FKH25" s="62"/>
      <c r="FKI25" s="56"/>
      <c r="FKJ25" s="61"/>
      <c r="FKK25" s="61"/>
      <c r="FKL25" s="61"/>
      <c r="FKM25" s="61"/>
      <c r="FKN25" s="62"/>
      <c r="FKO25" s="56"/>
      <c r="FKP25" s="61"/>
      <c r="FKQ25" s="61"/>
      <c r="FKR25" s="61"/>
      <c r="FKS25" s="61"/>
      <c r="FKT25" s="62"/>
      <c r="FKU25" s="56"/>
      <c r="FKV25" s="61"/>
      <c r="FKW25" s="61"/>
      <c r="FKX25" s="61"/>
      <c r="FKY25" s="61"/>
      <c r="FKZ25" s="62"/>
      <c r="FLA25" s="56"/>
      <c r="FLB25" s="61"/>
      <c r="FLC25" s="61"/>
      <c r="FLD25" s="61"/>
      <c r="FLE25" s="61"/>
      <c r="FLF25" s="62"/>
      <c r="FLG25" s="56"/>
      <c r="FLH25" s="61"/>
      <c r="FLI25" s="61"/>
      <c r="FLJ25" s="61"/>
      <c r="FLK25" s="61"/>
      <c r="FLL25" s="62"/>
      <c r="FLM25" s="56"/>
      <c r="FLN25" s="61"/>
      <c r="FLO25" s="61"/>
      <c r="FLP25" s="61"/>
      <c r="FLQ25" s="61"/>
      <c r="FLR25" s="62"/>
      <c r="FLS25" s="56"/>
      <c r="FLT25" s="61"/>
      <c r="FLU25" s="61"/>
      <c r="FLV25" s="61"/>
      <c r="FLW25" s="61"/>
      <c r="FLX25" s="62"/>
      <c r="FLY25" s="56"/>
      <c r="FLZ25" s="61"/>
      <c r="FMA25" s="61"/>
      <c r="FMB25" s="61"/>
      <c r="FMC25" s="61"/>
      <c r="FMD25" s="62"/>
      <c r="FME25" s="56"/>
      <c r="FMF25" s="61"/>
      <c r="FMG25" s="61"/>
      <c r="FMH25" s="61"/>
      <c r="FMI25" s="61"/>
      <c r="FMJ25" s="62"/>
      <c r="FMK25" s="56"/>
      <c r="FML25" s="61"/>
      <c r="FMM25" s="61"/>
      <c r="FMN25" s="61"/>
      <c r="FMO25" s="61"/>
      <c r="FMP25" s="62"/>
      <c r="FMQ25" s="56"/>
      <c r="FMR25" s="61"/>
      <c r="FMS25" s="61"/>
      <c r="FMT25" s="61"/>
      <c r="FMU25" s="61"/>
      <c r="FMV25" s="62"/>
      <c r="FMW25" s="56"/>
      <c r="FMX25" s="61"/>
      <c r="FMY25" s="61"/>
      <c r="FMZ25" s="61"/>
      <c r="FNA25" s="61"/>
      <c r="FNB25" s="62"/>
      <c r="FNC25" s="56"/>
      <c r="FND25" s="61"/>
      <c r="FNE25" s="61"/>
      <c r="FNF25" s="61"/>
      <c r="FNG25" s="61"/>
      <c r="FNH25" s="62"/>
      <c r="FNI25" s="56"/>
      <c r="FNJ25" s="61"/>
      <c r="FNK25" s="61"/>
      <c r="FNL25" s="61"/>
      <c r="FNM25" s="61"/>
      <c r="FNN25" s="62"/>
      <c r="FNO25" s="56"/>
      <c r="FNP25" s="61"/>
      <c r="FNQ25" s="61"/>
      <c r="FNR25" s="61"/>
      <c r="FNS25" s="61"/>
      <c r="FNT25" s="62"/>
      <c r="FNU25" s="56"/>
      <c r="FNV25" s="61"/>
      <c r="FNW25" s="61"/>
      <c r="FNX25" s="61"/>
      <c r="FNY25" s="61"/>
      <c r="FNZ25" s="62"/>
      <c r="FOA25" s="56"/>
      <c r="FOB25" s="61"/>
      <c r="FOC25" s="61"/>
      <c r="FOD25" s="61"/>
      <c r="FOE25" s="61"/>
      <c r="FOF25" s="62"/>
      <c r="FOG25" s="56"/>
      <c r="FOH25" s="61"/>
      <c r="FOI25" s="61"/>
      <c r="FOJ25" s="61"/>
      <c r="FOK25" s="61"/>
      <c r="FOL25" s="62"/>
      <c r="FOM25" s="56"/>
      <c r="FON25" s="61"/>
      <c r="FOO25" s="61"/>
      <c r="FOP25" s="61"/>
      <c r="FOQ25" s="61"/>
      <c r="FOR25" s="62"/>
      <c r="FOS25" s="56"/>
      <c r="FOT25" s="61"/>
      <c r="FOU25" s="61"/>
      <c r="FOV25" s="61"/>
      <c r="FOW25" s="61"/>
      <c r="FOX25" s="62"/>
      <c r="FOY25" s="56"/>
      <c r="FOZ25" s="61"/>
      <c r="FPA25" s="61"/>
      <c r="FPB25" s="61"/>
      <c r="FPC25" s="61"/>
      <c r="FPD25" s="62"/>
      <c r="FPE25" s="56"/>
      <c r="FPF25" s="61"/>
      <c r="FPG25" s="61"/>
      <c r="FPH25" s="61"/>
      <c r="FPI25" s="61"/>
      <c r="FPJ25" s="62"/>
      <c r="FPK25" s="56"/>
      <c r="FPL25" s="61"/>
      <c r="FPM25" s="61"/>
      <c r="FPN25" s="61"/>
      <c r="FPO25" s="61"/>
      <c r="FPP25" s="62"/>
      <c r="FPQ25" s="56"/>
      <c r="FPR25" s="61"/>
      <c r="FPS25" s="61"/>
      <c r="FPT25" s="61"/>
      <c r="FPU25" s="61"/>
      <c r="FPV25" s="62"/>
      <c r="FPW25" s="56"/>
      <c r="FPX25" s="61"/>
      <c r="FPY25" s="61"/>
      <c r="FPZ25" s="61"/>
      <c r="FQA25" s="61"/>
      <c r="FQB25" s="62"/>
      <c r="FQC25" s="56"/>
      <c r="FQD25" s="61"/>
      <c r="FQE25" s="61"/>
      <c r="FQF25" s="61"/>
      <c r="FQG25" s="61"/>
      <c r="FQH25" s="62"/>
      <c r="FQI25" s="56"/>
      <c r="FQJ25" s="61"/>
      <c r="FQK25" s="61"/>
      <c r="FQL25" s="61"/>
      <c r="FQM25" s="61"/>
      <c r="FQN25" s="62"/>
      <c r="FQO25" s="56"/>
      <c r="FQP25" s="61"/>
      <c r="FQQ25" s="61"/>
      <c r="FQR25" s="61"/>
      <c r="FQS25" s="61"/>
      <c r="FQT25" s="62"/>
      <c r="FQU25" s="56"/>
      <c r="FQV25" s="61"/>
      <c r="FQW25" s="61"/>
      <c r="FQX25" s="61"/>
      <c r="FQY25" s="61"/>
      <c r="FQZ25" s="62"/>
      <c r="FRA25" s="56"/>
      <c r="FRB25" s="61"/>
      <c r="FRC25" s="61"/>
      <c r="FRD25" s="61"/>
      <c r="FRE25" s="61"/>
      <c r="FRF25" s="62"/>
      <c r="FRG25" s="56"/>
      <c r="FRH25" s="61"/>
      <c r="FRI25" s="61"/>
      <c r="FRJ25" s="61"/>
      <c r="FRK25" s="61"/>
      <c r="FRL25" s="62"/>
      <c r="FRM25" s="56"/>
      <c r="FRN25" s="61"/>
      <c r="FRO25" s="61"/>
      <c r="FRP25" s="61"/>
      <c r="FRQ25" s="61"/>
      <c r="FRR25" s="62"/>
      <c r="FRS25" s="56"/>
      <c r="FRT25" s="61"/>
      <c r="FRU25" s="61"/>
      <c r="FRV25" s="61"/>
      <c r="FRW25" s="61"/>
      <c r="FRX25" s="62"/>
      <c r="FRY25" s="56"/>
      <c r="FRZ25" s="61"/>
      <c r="FSA25" s="61"/>
      <c r="FSB25" s="61"/>
      <c r="FSC25" s="61"/>
      <c r="FSD25" s="62"/>
      <c r="FSE25" s="56"/>
      <c r="FSF25" s="61"/>
      <c r="FSG25" s="61"/>
      <c r="FSH25" s="61"/>
      <c r="FSI25" s="61"/>
      <c r="FSJ25" s="62"/>
      <c r="FSK25" s="56"/>
      <c r="FSL25" s="61"/>
      <c r="FSM25" s="61"/>
      <c r="FSN25" s="61"/>
      <c r="FSO25" s="61"/>
      <c r="FSP25" s="62"/>
      <c r="FSQ25" s="56"/>
      <c r="FSR25" s="61"/>
      <c r="FSS25" s="61"/>
      <c r="FST25" s="61"/>
      <c r="FSU25" s="61"/>
      <c r="FSV25" s="62"/>
      <c r="FSW25" s="56"/>
      <c r="FSX25" s="61"/>
      <c r="FSY25" s="61"/>
      <c r="FSZ25" s="61"/>
      <c r="FTA25" s="61"/>
      <c r="FTB25" s="62"/>
      <c r="FTC25" s="56"/>
      <c r="FTD25" s="61"/>
      <c r="FTE25" s="61"/>
      <c r="FTF25" s="61"/>
      <c r="FTG25" s="61"/>
      <c r="FTH25" s="62"/>
      <c r="FTI25" s="56"/>
      <c r="FTJ25" s="61"/>
      <c r="FTK25" s="61"/>
      <c r="FTL25" s="61"/>
      <c r="FTM25" s="61"/>
      <c r="FTN25" s="62"/>
      <c r="FTO25" s="56"/>
      <c r="FTP25" s="61"/>
      <c r="FTQ25" s="61"/>
      <c r="FTR25" s="61"/>
      <c r="FTS25" s="61"/>
      <c r="FTT25" s="62"/>
      <c r="FTU25" s="56"/>
      <c r="FTV25" s="61"/>
      <c r="FTW25" s="61"/>
      <c r="FTX25" s="61"/>
      <c r="FTY25" s="61"/>
      <c r="FTZ25" s="62"/>
      <c r="FUA25" s="56"/>
      <c r="FUB25" s="61"/>
      <c r="FUC25" s="61"/>
      <c r="FUD25" s="61"/>
      <c r="FUE25" s="61"/>
      <c r="FUF25" s="62"/>
      <c r="FUG25" s="56"/>
      <c r="FUH25" s="61"/>
      <c r="FUI25" s="61"/>
      <c r="FUJ25" s="61"/>
      <c r="FUK25" s="61"/>
      <c r="FUL25" s="62"/>
      <c r="FUM25" s="56"/>
      <c r="FUN25" s="61"/>
      <c r="FUO25" s="61"/>
      <c r="FUP25" s="61"/>
      <c r="FUQ25" s="61"/>
      <c r="FUR25" s="62"/>
      <c r="FUS25" s="56"/>
      <c r="FUT25" s="61"/>
      <c r="FUU25" s="61"/>
      <c r="FUV25" s="61"/>
      <c r="FUW25" s="61"/>
      <c r="FUX25" s="62"/>
      <c r="FUY25" s="56"/>
      <c r="FUZ25" s="61"/>
      <c r="FVA25" s="61"/>
      <c r="FVB25" s="61"/>
      <c r="FVC25" s="61"/>
      <c r="FVD25" s="62"/>
      <c r="FVE25" s="56"/>
      <c r="FVF25" s="61"/>
      <c r="FVG25" s="61"/>
      <c r="FVH25" s="61"/>
      <c r="FVI25" s="61"/>
      <c r="FVJ25" s="62"/>
      <c r="FVK25" s="56"/>
      <c r="FVL25" s="61"/>
      <c r="FVM25" s="61"/>
      <c r="FVN25" s="61"/>
      <c r="FVO25" s="61"/>
      <c r="FVP25" s="62"/>
      <c r="FVQ25" s="56"/>
      <c r="FVR25" s="61"/>
      <c r="FVS25" s="61"/>
      <c r="FVT25" s="61"/>
      <c r="FVU25" s="61"/>
      <c r="FVV25" s="62"/>
      <c r="FVW25" s="56"/>
      <c r="FVX25" s="61"/>
      <c r="FVY25" s="61"/>
      <c r="FVZ25" s="61"/>
      <c r="FWA25" s="61"/>
      <c r="FWB25" s="62"/>
      <c r="FWC25" s="56"/>
      <c r="FWD25" s="61"/>
      <c r="FWE25" s="61"/>
      <c r="FWF25" s="61"/>
      <c r="FWG25" s="61"/>
      <c r="FWH25" s="62"/>
      <c r="FWI25" s="56"/>
      <c r="FWJ25" s="61"/>
      <c r="FWK25" s="61"/>
      <c r="FWL25" s="61"/>
      <c r="FWM25" s="61"/>
      <c r="FWN25" s="62"/>
      <c r="FWO25" s="56"/>
      <c r="FWP25" s="61"/>
      <c r="FWQ25" s="61"/>
      <c r="FWR25" s="61"/>
      <c r="FWS25" s="61"/>
      <c r="FWT25" s="62"/>
      <c r="FWU25" s="56"/>
      <c r="FWV25" s="61"/>
      <c r="FWW25" s="61"/>
      <c r="FWX25" s="61"/>
      <c r="FWY25" s="61"/>
      <c r="FWZ25" s="62"/>
      <c r="FXA25" s="56"/>
      <c r="FXB25" s="61"/>
      <c r="FXC25" s="61"/>
      <c r="FXD25" s="61"/>
      <c r="FXE25" s="61"/>
      <c r="FXF25" s="62"/>
      <c r="FXG25" s="56"/>
      <c r="FXH25" s="61"/>
      <c r="FXI25" s="61"/>
      <c r="FXJ25" s="61"/>
      <c r="FXK25" s="61"/>
      <c r="FXL25" s="62"/>
      <c r="FXM25" s="56"/>
      <c r="FXN25" s="61"/>
      <c r="FXO25" s="61"/>
      <c r="FXP25" s="61"/>
      <c r="FXQ25" s="61"/>
      <c r="FXR25" s="62"/>
      <c r="FXS25" s="56"/>
      <c r="FXT25" s="61"/>
      <c r="FXU25" s="61"/>
      <c r="FXV25" s="61"/>
      <c r="FXW25" s="61"/>
      <c r="FXX25" s="62"/>
      <c r="FXY25" s="56"/>
      <c r="FXZ25" s="61"/>
      <c r="FYA25" s="61"/>
      <c r="FYB25" s="61"/>
      <c r="FYC25" s="61"/>
      <c r="FYD25" s="62"/>
      <c r="FYE25" s="56"/>
      <c r="FYF25" s="61"/>
      <c r="FYG25" s="61"/>
      <c r="FYH25" s="61"/>
      <c r="FYI25" s="61"/>
      <c r="FYJ25" s="62"/>
      <c r="FYK25" s="56"/>
      <c r="FYL25" s="61"/>
      <c r="FYM25" s="61"/>
      <c r="FYN25" s="61"/>
      <c r="FYO25" s="61"/>
      <c r="FYP25" s="62"/>
      <c r="FYQ25" s="56"/>
      <c r="FYR25" s="61"/>
      <c r="FYS25" s="61"/>
      <c r="FYT25" s="61"/>
      <c r="FYU25" s="61"/>
      <c r="FYV25" s="62"/>
      <c r="FYW25" s="56"/>
      <c r="FYX25" s="61"/>
      <c r="FYY25" s="61"/>
      <c r="FYZ25" s="61"/>
      <c r="FZA25" s="61"/>
      <c r="FZB25" s="62"/>
      <c r="FZC25" s="56"/>
      <c r="FZD25" s="61"/>
      <c r="FZE25" s="61"/>
      <c r="FZF25" s="61"/>
      <c r="FZG25" s="61"/>
      <c r="FZH25" s="62"/>
      <c r="FZI25" s="56"/>
      <c r="FZJ25" s="61"/>
      <c r="FZK25" s="61"/>
      <c r="FZL25" s="61"/>
      <c r="FZM25" s="61"/>
      <c r="FZN25" s="62"/>
      <c r="FZO25" s="56"/>
      <c r="FZP25" s="61"/>
      <c r="FZQ25" s="61"/>
      <c r="FZR25" s="61"/>
      <c r="FZS25" s="61"/>
      <c r="FZT25" s="62"/>
      <c r="FZU25" s="56"/>
      <c r="FZV25" s="61"/>
      <c r="FZW25" s="61"/>
      <c r="FZX25" s="61"/>
      <c r="FZY25" s="61"/>
      <c r="FZZ25" s="62"/>
      <c r="GAA25" s="56"/>
      <c r="GAB25" s="61"/>
      <c r="GAC25" s="61"/>
      <c r="GAD25" s="61"/>
      <c r="GAE25" s="61"/>
      <c r="GAF25" s="62"/>
      <c r="GAG25" s="56"/>
      <c r="GAH25" s="61"/>
      <c r="GAI25" s="61"/>
      <c r="GAJ25" s="61"/>
      <c r="GAK25" s="61"/>
      <c r="GAL25" s="62"/>
      <c r="GAM25" s="56"/>
      <c r="GAN25" s="61"/>
      <c r="GAO25" s="61"/>
      <c r="GAP25" s="61"/>
      <c r="GAQ25" s="61"/>
      <c r="GAR25" s="62"/>
      <c r="GAS25" s="56"/>
      <c r="GAT25" s="61"/>
      <c r="GAU25" s="61"/>
      <c r="GAV25" s="61"/>
      <c r="GAW25" s="61"/>
      <c r="GAX25" s="62"/>
      <c r="GAY25" s="56"/>
      <c r="GAZ25" s="61"/>
      <c r="GBA25" s="61"/>
      <c r="GBB25" s="61"/>
      <c r="GBC25" s="61"/>
      <c r="GBD25" s="62"/>
      <c r="GBE25" s="56"/>
      <c r="GBF25" s="61"/>
      <c r="GBG25" s="61"/>
      <c r="GBH25" s="61"/>
      <c r="GBI25" s="61"/>
      <c r="GBJ25" s="62"/>
      <c r="GBK25" s="56"/>
      <c r="GBL25" s="61"/>
      <c r="GBM25" s="61"/>
      <c r="GBN25" s="61"/>
      <c r="GBO25" s="61"/>
      <c r="GBP25" s="62"/>
      <c r="GBQ25" s="56"/>
      <c r="GBR25" s="61"/>
      <c r="GBS25" s="61"/>
      <c r="GBT25" s="61"/>
      <c r="GBU25" s="61"/>
      <c r="GBV25" s="62"/>
      <c r="GBW25" s="56"/>
      <c r="GBX25" s="61"/>
      <c r="GBY25" s="61"/>
      <c r="GBZ25" s="61"/>
      <c r="GCA25" s="61"/>
      <c r="GCB25" s="62"/>
      <c r="GCC25" s="56"/>
      <c r="GCD25" s="61"/>
      <c r="GCE25" s="61"/>
      <c r="GCF25" s="61"/>
      <c r="GCG25" s="61"/>
      <c r="GCH25" s="62"/>
      <c r="GCI25" s="56"/>
      <c r="GCJ25" s="61"/>
      <c r="GCK25" s="61"/>
      <c r="GCL25" s="61"/>
      <c r="GCM25" s="61"/>
      <c r="GCN25" s="62"/>
      <c r="GCO25" s="56"/>
      <c r="GCP25" s="61"/>
      <c r="GCQ25" s="61"/>
      <c r="GCR25" s="61"/>
      <c r="GCS25" s="61"/>
      <c r="GCT25" s="62"/>
      <c r="GCU25" s="56"/>
      <c r="GCV25" s="61"/>
      <c r="GCW25" s="61"/>
      <c r="GCX25" s="61"/>
      <c r="GCY25" s="61"/>
      <c r="GCZ25" s="62"/>
      <c r="GDA25" s="56"/>
      <c r="GDB25" s="61"/>
      <c r="GDC25" s="61"/>
      <c r="GDD25" s="61"/>
      <c r="GDE25" s="61"/>
      <c r="GDF25" s="62"/>
      <c r="GDG25" s="56"/>
      <c r="GDH25" s="61"/>
      <c r="GDI25" s="61"/>
      <c r="GDJ25" s="61"/>
      <c r="GDK25" s="61"/>
      <c r="GDL25" s="62"/>
      <c r="GDM25" s="56"/>
      <c r="GDN25" s="61"/>
      <c r="GDO25" s="61"/>
      <c r="GDP25" s="61"/>
      <c r="GDQ25" s="61"/>
      <c r="GDR25" s="62"/>
      <c r="GDS25" s="56"/>
      <c r="GDT25" s="61"/>
      <c r="GDU25" s="61"/>
      <c r="GDV25" s="61"/>
      <c r="GDW25" s="61"/>
      <c r="GDX25" s="62"/>
      <c r="GDY25" s="56"/>
      <c r="GDZ25" s="61"/>
      <c r="GEA25" s="61"/>
      <c r="GEB25" s="61"/>
      <c r="GEC25" s="61"/>
      <c r="GED25" s="62"/>
      <c r="GEE25" s="56"/>
      <c r="GEF25" s="61"/>
      <c r="GEG25" s="61"/>
      <c r="GEH25" s="61"/>
      <c r="GEI25" s="61"/>
      <c r="GEJ25" s="62"/>
      <c r="GEK25" s="56"/>
      <c r="GEL25" s="61"/>
      <c r="GEM25" s="61"/>
      <c r="GEN25" s="61"/>
      <c r="GEO25" s="61"/>
      <c r="GEP25" s="62"/>
      <c r="GEQ25" s="56"/>
      <c r="GER25" s="61"/>
      <c r="GES25" s="61"/>
      <c r="GET25" s="61"/>
      <c r="GEU25" s="61"/>
      <c r="GEV25" s="62"/>
      <c r="GEW25" s="56"/>
      <c r="GEX25" s="61"/>
      <c r="GEY25" s="61"/>
      <c r="GEZ25" s="61"/>
      <c r="GFA25" s="61"/>
      <c r="GFB25" s="62"/>
      <c r="GFC25" s="56"/>
      <c r="GFD25" s="61"/>
      <c r="GFE25" s="61"/>
      <c r="GFF25" s="61"/>
      <c r="GFG25" s="61"/>
      <c r="GFH25" s="62"/>
      <c r="GFI25" s="56"/>
      <c r="GFJ25" s="61"/>
      <c r="GFK25" s="61"/>
      <c r="GFL25" s="61"/>
      <c r="GFM25" s="61"/>
      <c r="GFN25" s="62"/>
      <c r="GFO25" s="56"/>
      <c r="GFP25" s="61"/>
      <c r="GFQ25" s="61"/>
      <c r="GFR25" s="61"/>
      <c r="GFS25" s="61"/>
      <c r="GFT25" s="62"/>
      <c r="GFU25" s="56"/>
      <c r="GFV25" s="61"/>
      <c r="GFW25" s="61"/>
      <c r="GFX25" s="61"/>
      <c r="GFY25" s="61"/>
      <c r="GFZ25" s="62"/>
      <c r="GGA25" s="56"/>
      <c r="GGB25" s="61"/>
      <c r="GGC25" s="61"/>
      <c r="GGD25" s="61"/>
      <c r="GGE25" s="61"/>
      <c r="GGF25" s="62"/>
      <c r="GGG25" s="56"/>
      <c r="GGH25" s="61"/>
      <c r="GGI25" s="61"/>
      <c r="GGJ25" s="61"/>
      <c r="GGK25" s="61"/>
      <c r="GGL25" s="62"/>
      <c r="GGM25" s="56"/>
      <c r="GGN25" s="61"/>
      <c r="GGO25" s="61"/>
      <c r="GGP25" s="61"/>
      <c r="GGQ25" s="61"/>
      <c r="GGR25" s="62"/>
      <c r="GGS25" s="56"/>
      <c r="GGT25" s="61"/>
      <c r="GGU25" s="61"/>
      <c r="GGV25" s="61"/>
      <c r="GGW25" s="61"/>
      <c r="GGX25" s="62"/>
      <c r="GGY25" s="56"/>
      <c r="GGZ25" s="61"/>
      <c r="GHA25" s="61"/>
      <c r="GHB25" s="61"/>
      <c r="GHC25" s="61"/>
      <c r="GHD25" s="62"/>
      <c r="GHE25" s="56"/>
      <c r="GHF25" s="61"/>
      <c r="GHG25" s="61"/>
      <c r="GHH25" s="61"/>
      <c r="GHI25" s="61"/>
      <c r="GHJ25" s="62"/>
      <c r="GHK25" s="56"/>
      <c r="GHL25" s="61"/>
      <c r="GHM25" s="61"/>
      <c r="GHN25" s="61"/>
      <c r="GHO25" s="61"/>
      <c r="GHP25" s="62"/>
      <c r="GHQ25" s="56"/>
      <c r="GHR25" s="61"/>
      <c r="GHS25" s="61"/>
      <c r="GHT25" s="61"/>
      <c r="GHU25" s="61"/>
      <c r="GHV25" s="62"/>
      <c r="GHW25" s="56"/>
      <c r="GHX25" s="61"/>
      <c r="GHY25" s="61"/>
      <c r="GHZ25" s="61"/>
      <c r="GIA25" s="61"/>
      <c r="GIB25" s="62"/>
      <c r="GIC25" s="56"/>
      <c r="GID25" s="61"/>
      <c r="GIE25" s="61"/>
      <c r="GIF25" s="61"/>
      <c r="GIG25" s="61"/>
      <c r="GIH25" s="62"/>
      <c r="GII25" s="56"/>
      <c r="GIJ25" s="61"/>
      <c r="GIK25" s="61"/>
      <c r="GIL25" s="61"/>
      <c r="GIM25" s="61"/>
      <c r="GIN25" s="62"/>
      <c r="GIO25" s="56"/>
      <c r="GIP25" s="61"/>
      <c r="GIQ25" s="61"/>
      <c r="GIR25" s="61"/>
      <c r="GIS25" s="61"/>
      <c r="GIT25" s="62"/>
      <c r="GIU25" s="56"/>
      <c r="GIV25" s="61"/>
      <c r="GIW25" s="61"/>
      <c r="GIX25" s="61"/>
      <c r="GIY25" s="61"/>
      <c r="GIZ25" s="62"/>
      <c r="GJA25" s="56"/>
      <c r="GJB25" s="61"/>
      <c r="GJC25" s="61"/>
      <c r="GJD25" s="61"/>
      <c r="GJE25" s="61"/>
      <c r="GJF25" s="62"/>
      <c r="GJG25" s="56"/>
      <c r="GJH25" s="61"/>
      <c r="GJI25" s="61"/>
      <c r="GJJ25" s="61"/>
      <c r="GJK25" s="61"/>
      <c r="GJL25" s="62"/>
      <c r="GJM25" s="56"/>
      <c r="GJN25" s="61"/>
      <c r="GJO25" s="61"/>
      <c r="GJP25" s="61"/>
      <c r="GJQ25" s="61"/>
      <c r="GJR25" s="62"/>
      <c r="GJS25" s="56"/>
      <c r="GJT25" s="61"/>
      <c r="GJU25" s="61"/>
      <c r="GJV25" s="61"/>
      <c r="GJW25" s="61"/>
      <c r="GJX25" s="62"/>
      <c r="GJY25" s="56"/>
      <c r="GJZ25" s="61"/>
      <c r="GKA25" s="61"/>
      <c r="GKB25" s="61"/>
      <c r="GKC25" s="61"/>
      <c r="GKD25" s="62"/>
      <c r="GKE25" s="56"/>
      <c r="GKF25" s="61"/>
      <c r="GKG25" s="61"/>
      <c r="GKH25" s="61"/>
      <c r="GKI25" s="61"/>
      <c r="GKJ25" s="62"/>
      <c r="GKK25" s="56"/>
      <c r="GKL25" s="61"/>
      <c r="GKM25" s="61"/>
      <c r="GKN25" s="61"/>
      <c r="GKO25" s="61"/>
      <c r="GKP25" s="62"/>
      <c r="GKQ25" s="56"/>
      <c r="GKR25" s="61"/>
      <c r="GKS25" s="61"/>
      <c r="GKT25" s="61"/>
      <c r="GKU25" s="61"/>
      <c r="GKV25" s="62"/>
      <c r="GKW25" s="56"/>
      <c r="GKX25" s="61"/>
      <c r="GKY25" s="61"/>
      <c r="GKZ25" s="61"/>
      <c r="GLA25" s="61"/>
      <c r="GLB25" s="62"/>
      <c r="GLC25" s="56"/>
      <c r="GLD25" s="61"/>
      <c r="GLE25" s="61"/>
      <c r="GLF25" s="61"/>
      <c r="GLG25" s="61"/>
      <c r="GLH25" s="62"/>
      <c r="GLI25" s="56"/>
      <c r="GLJ25" s="61"/>
      <c r="GLK25" s="61"/>
      <c r="GLL25" s="61"/>
      <c r="GLM25" s="61"/>
      <c r="GLN25" s="62"/>
      <c r="GLO25" s="56"/>
      <c r="GLP25" s="61"/>
      <c r="GLQ25" s="61"/>
      <c r="GLR25" s="61"/>
      <c r="GLS25" s="61"/>
      <c r="GLT25" s="62"/>
      <c r="GLU25" s="56"/>
      <c r="GLV25" s="61"/>
      <c r="GLW25" s="61"/>
      <c r="GLX25" s="61"/>
      <c r="GLY25" s="61"/>
      <c r="GLZ25" s="62"/>
      <c r="GMA25" s="56"/>
      <c r="GMB25" s="61"/>
      <c r="GMC25" s="61"/>
      <c r="GMD25" s="61"/>
      <c r="GME25" s="61"/>
      <c r="GMF25" s="62"/>
      <c r="GMG25" s="56"/>
      <c r="GMH25" s="61"/>
      <c r="GMI25" s="61"/>
      <c r="GMJ25" s="61"/>
      <c r="GMK25" s="61"/>
      <c r="GML25" s="62"/>
      <c r="GMM25" s="56"/>
      <c r="GMN25" s="61"/>
      <c r="GMO25" s="61"/>
      <c r="GMP25" s="61"/>
      <c r="GMQ25" s="61"/>
      <c r="GMR25" s="62"/>
      <c r="GMS25" s="56"/>
      <c r="GMT25" s="61"/>
      <c r="GMU25" s="61"/>
      <c r="GMV25" s="61"/>
      <c r="GMW25" s="61"/>
      <c r="GMX25" s="62"/>
      <c r="GMY25" s="56"/>
      <c r="GMZ25" s="61"/>
      <c r="GNA25" s="61"/>
      <c r="GNB25" s="61"/>
      <c r="GNC25" s="61"/>
      <c r="GND25" s="62"/>
      <c r="GNE25" s="56"/>
      <c r="GNF25" s="61"/>
      <c r="GNG25" s="61"/>
      <c r="GNH25" s="61"/>
      <c r="GNI25" s="61"/>
      <c r="GNJ25" s="62"/>
      <c r="GNK25" s="56"/>
      <c r="GNL25" s="61"/>
      <c r="GNM25" s="61"/>
      <c r="GNN25" s="61"/>
      <c r="GNO25" s="61"/>
      <c r="GNP25" s="62"/>
      <c r="GNQ25" s="56"/>
      <c r="GNR25" s="61"/>
      <c r="GNS25" s="61"/>
      <c r="GNT25" s="61"/>
      <c r="GNU25" s="61"/>
      <c r="GNV25" s="62"/>
      <c r="GNW25" s="56"/>
      <c r="GNX25" s="61"/>
      <c r="GNY25" s="61"/>
      <c r="GNZ25" s="61"/>
      <c r="GOA25" s="61"/>
      <c r="GOB25" s="62"/>
      <c r="GOC25" s="56"/>
      <c r="GOD25" s="61"/>
      <c r="GOE25" s="61"/>
      <c r="GOF25" s="61"/>
      <c r="GOG25" s="61"/>
      <c r="GOH25" s="62"/>
      <c r="GOI25" s="56"/>
      <c r="GOJ25" s="61"/>
      <c r="GOK25" s="61"/>
      <c r="GOL25" s="61"/>
      <c r="GOM25" s="61"/>
      <c r="GON25" s="62"/>
      <c r="GOO25" s="56"/>
      <c r="GOP25" s="61"/>
      <c r="GOQ25" s="61"/>
      <c r="GOR25" s="61"/>
      <c r="GOS25" s="61"/>
      <c r="GOT25" s="62"/>
      <c r="GOU25" s="56"/>
      <c r="GOV25" s="61"/>
      <c r="GOW25" s="61"/>
      <c r="GOX25" s="61"/>
      <c r="GOY25" s="61"/>
      <c r="GOZ25" s="62"/>
      <c r="GPA25" s="56"/>
      <c r="GPB25" s="61"/>
      <c r="GPC25" s="61"/>
      <c r="GPD25" s="61"/>
      <c r="GPE25" s="61"/>
      <c r="GPF25" s="62"/>
      <c r="GPG25" s="56"/>
      <c r="GPH25" s="61"/>
      <c r="GPI25" s="61"/>
      <c r="GPJ25" s="61"/>
      <c r="GPK25" s="61"/>
      <c r="GPL25" s="62"/>
      <c r="GPM25" s="56"/>
      <c r="GPN25" s="61"/>
      <c r="GPO25" s="61"/>
      <c r="GPP25" s="61"/>
      <c r="GPQ25" s="61"/>
      <c r="GPR25" s="62"/>
      <c r="GPS25" s="56"/>
      <c r="GPT25" s="61"/>
      <c r="GPU25" s="61"/>
      <c r="GPV25" s="61"/>
      <c r="GPW25" s="61"/>
      <c r="GPX25" s="62"/>
      <c r="GPY25" s="56"/>
      <c r="GPZ25" s="61"/>
      <c r="GQA25" s="61"/>
      <c r="GQB25" s="61"/>
      <c r="GQC25" s="61"/>
      <c r="GQD25" s="62"/>
      <c r="GQE25" s="56"/>
      <c r="GQF25" s="61"/>
      <c r="GQG25" s="61"/>
      <c r="GQH25" s="61"/>
      <c r="GQI25" s="61"/>
      <c r="GQJ25" s="62"/>
      <c r="GQK25" s="56"/>
      <c r="GQL25" s="61"/>
      <c r="GQM25" s="61"/>
      <c r="GQN25" s="61"/>
      <c r="GQO25" s="61"/>
      <c r="GQP25" s="62"/>
      <c r="GQQ25" s="56"/>
      <c r="GQR25" s="61"/>
      <c r="GQS25" s="61"/>
      <c r="GQT25" s="61"/>
      <c r="GQU25" s="61"/>
      <c r="GQV25" s="62"/>
      <c r="GQW25" s="56"/>
      <c r="GQX25" s="61"/>
      <c r="GQY25" s="61"/>
      <c r="GQZ25" s="61"/>
      <c r="GRA25" s="61"/>
      <c r="GRB25" s="62"/>
      <c r="GRC25" s="56"/>
      <c r="GRD25" s="61"/>
      <c r="GRE25" s="61"/>
      <c r="GRF25" s="61"/>
      <c r="GRG25" s="61"/>
      <c r="GRH25" s="62"/>
      <c r="GRI25" s="56"/>
      <c r="GRJ25" s="61"/>
      <c r="GRK25" s="61"/>
      <c r="GRL25" s="61"/>
      <c r="GRM25" s="61"/>
      <c r="GRN25" s="62"/>
      <c r="GRO25" s="56"/>
      <c r="GRP25" s="61"/>
      <c r="GRQ25" s="61"/>
      <c r="GRR25" s="61"/>
      <c r="GRS25" s="61"/>
      <c r="GRT25" s="62"/>
      <c r="GRU25" s="56"/>
      <c r="GRV25" s="61"/>
      <c r="GRW25" s="61"/>
      <c r="GRX25" s="61"/>
      <c r="GRY25" s="61"/>
      <c r="GRZ25" s="62"/>
      <c r="GSA25" s="56"/>
      <c r="GSB25" s="61"/>
      <c r="GSC25" s="61"/>
      <c r="GSD25" s="61"/>
      <c r="GSE25" s="61"/>
      <c r="GSF25" s="62"/>
      <c r="GSG25" s="56"/>
      <c r="GSH25" s="61"/>
      <c r="GSI25" s="61"/>
      <c r="GSJ25" s="61"/>
      <c r="GSK25" s="61"/>
      <c r="GSL25" s="62"/>
      <c r="GSM25" s="56"/>
      <c r="GSN25" s="61"/>
      <c r="GSO25" s="61"/>
      <c r="GSP25" s="61"/>
      <c r="GSQ25" s="61"/>
      <c r="GSR25" s="62"/>
      <c r="GSS25" s="56"/>
      <c r="GST25" s="61"/>
      <c r="GSU25" s="61"/>
      <c r="GSV25" s="61"/>
      <c r="GSW25" s="61"/>
      <c r="GSX25" s="62"/>
      <c r="GSY25" s="56"/>
      <c r="GSZ25" s="61"/>
      <c r="GTA25" s="61"/>
      <c r="GTB25" s="61"/>
      <c r="GTC25" s="61"/>
      <c r="GTD25" s="62"/>
      <c r="GTE25" s="56"/>
      <c r="GTF25" s="61"/>
      <c r="GTG25" s="61"/>
      <c r="GTH25" s="61"/>
      <c r="GTI25" s="61"/>
      <c r="GTJ25" s="62"/>
      <c r="GTK25" s="56"/>
      <c r="GTL25" s="61"/>
      <c r="GTM25" s="61"/>
      <c r="GTN25" s="61"/>
      <c r="GTO25" s="61"/>
      <c r="GTP25" s="62"/>
      <c r="GTQ25" s="56"/>
      <c r="GTR25" s="61"/>
      <c r="GTS25" s="61"/>
      <c r="GTT25" s="61"/>
      <c r="GTU25" s="61"/>
      <c r="GTV25" s="62"/>
      <c r="GTW25" s="56"/>
      <c r="GTX25" s="61"/>
      <c r="GTY25" s="61"/>
      <c r="GTZ25" s="61"/>
      <c r="GUA25" s="61"/>
      <c r="GUB25" s="62"/>
      <c r="GUC25" s="56"/>
      <c r="GUD25" s="61"/>
      <c r="GUE25" s="61"/>
      <c r="GUF25" s="61"/>
      <c r="GUG25" s="61"/>
      <c r="GUH25" s="62"/>
      <c r="GUI25" s="56"/>
      <c r="GUJ25" s="61"/>
      <c r="GUK25" s="61"/>
      <c r="GUL25" s="61"/>
      <c r="GUM25" s="61"/>
      <c r="GUN25" s="62"/>
      <c r="GUO25" s="56"/>
      <c r="GUP25" s="61"/>
      <c r="GUQ25" s="61"/>
      <c r="GUR25" s="61"/>
      <c r="GUS25" s="61"/>
      <c r="GUT25" s="62"/>
      <c r="GUU25" s="56"/>
      <c r="GUV25" s="61"/>
      <c r="GUW25" s="61"/>
      <c r="GUX25" s="61"/>
      <c r="GUY25" s="61"/>
      <c r="GUZ25" s="62"/>
      <c r="GVA25" s="56"/>
      <c r="GVB25" s="61"/>
      <c r="GVC25" s="61"/>
      <c r="GVD25" s="61"/>
      <c r="GVE25" s="61"/>
      <c r="GVF25" s="62"/>
      <c r="GVG25" s="56"/>
      <c r="GVH25" s="61"/>
      <c r="GVI25" s="61"/>
      <c r="GVJ25" s="61"/>
      <c r="GVK25" s="61"/>
      <c r="GVL25" s="62"/>
      <c r="GVM25" s="56"/>
      <c r="GVN25" s="61"/>
      <c r="GVO25" s="61"/>
      <c r="GVP25" s="61"/>
      <c r="GVQ25" s="61"/>
      <c r="GVR25" s="62"/>
      <c r="GVS25" s="56"/>
      <c r="GVT25" s="61"/>
      <c r="GVU25" s="61"/>
      <c r="GVV25" s="61"/>
      <c r="GVW25" s="61"/>
      <c r="GVX25" s="62"/>
      <c r="GVY25" s="56"/>
      <c r="GVZ25" s="61"/>
      <c r="GWA25" s="61"/>
      <c r="GWB25" s="61"/>
      <c r="GWC25" s="61"/>
      <c r="GWD25" s="62"/>
      <c r="GWE25" s="56"/>
      <c r="GWF25" s="61"/>
      <c r="GWG25" s="61"/>
      <c r="GWH25" s="61"/>
      <c r="GWI25" s="61"/>
      <c r="GWJ25" s="62"/>
      <c r="GWK25" s="56"/>
      <c r="GWL25" s="61"/>
      <c r="GWM25" s="61"/>
      <c r="GWN25" s="61"/>
      <c r="GWO25" s="61"/>
      <c r="GWP25" s="62"/>
      <c r="GWQ25" s="56"/>
      <c r="GWR25" s="61"/>
      <c r="GWS25" s="61"/>
      <c r="GWT25" s="61"/>
      <c r="GWU25" s="61"/>
      <c r="GWV25" s="62"/>
      <c r="GWW25" s="56"/>
      <c r="GWX25" s="61"/>
      <c r="GWY25" s="61"/>
      <c r="GWZ25" s="61"/>
      <c r="GXA25" s="61"/>
      <c r="GXB25" s="62"/>
      <c r="GXC25" s="56"/>
      <c r="GXD25" s="61"/>
      <c r="GXE25" s="61"/>
      <c r="GXF25" s="61"/>
      <c r="GXG25" s="61"/>
      <c r="GXH25" s="62"/>
      <c r="GXI25" s="56"/>
      <c r="GXJ25" s="61"/>
      <c r="GXK25" s="61"/>
      <c r="GXL25" s="61"/>
      <c r="GXM25" s="61"/>
      <c r="GXN25" s="62"/>
      <c r="GXO25" s="56"/>
      <c r="GXP25" s="61"/>
      <c r="GXQ25" s="61"/>
      <c r="GXR25" s="61"/>
      <c r="GXS25" s="61"/>
      <c r="GXT25" s="62"/>
      <c r="GXU25" s="56"/>
      <c r="GXV25" s="61"/>
      <c r="GXW25" s="61"/>
      <c r="GXX25" s="61"/>
      <c r="GXY25" s="61"/>
      <c r="GXZ25" s="62"/>
      <c r="GYA25" s="56"/>
      <c r="GYB25" s="61"/>
      <c r="GYC25" s="61"/>
      <c r="GYD25" s="61"/>
      <c r="GYE25" s="61"/>
      <c r="GYF25" s="62"/>
      <c r="GYG25" s="56"/>
      <c r="GYH25" s="61"/>
      <c r="GYI25" s="61"/>
      <c r="GYJ25" s="61"/>
      <c r="GYK25" s="61"/>
      <c r="GYL25" s="62"/>
      <c r="GYM25" s="56"/>
      <c r="GYN25" s="61"/>
      <c r="GYO25" s="61"/>
      <c r="GYP25" s="61"/>
      <c r="GYQ25" s="61"/>
      <c r="GYR25" s="62"/>
      <c r="GYS25" s="56"/>
      <c r="GYT25" s="61"/>
      <c r="GYU25" s="61"/>
      <c r="GYV25" s="61"/>
      <c r="GYW25" s="61"/>
      <c r="GYX25" s="62"/>
      <c r="GYY25" s="56"/>
      <c r="GYZ25" s="61"/>
      <c r="GZA25" s="61"/>
      <c r="GZB25" s="61"/>
      <c r="GZC25" s="61"/>
      <c r="GZD25" s="62"/>
      <c r="GZE25" s="56"/>
      <c r="GZF25" s="61"/>
      <c r="GZG25" s="61"/>
      <c r="GZH25" s="61"/>
      <c r="GZI25" s="61"/>
      <c r="GZJ25" s="62"/>
      <c r="GZK25" s="56"/>
      <c r="GZL25" s="61"/>
      <c r="GZM25" s="61"/>
      <c r="GZN25" s="61"/>
      <c r="GZO25" s="61"/>
      <c r="GZP25" s="62"/>
      <c r="GZQ25" s="56"/>
      <c r="GZR25" s="61"/>
      <c r="GZS25" s="61"/>
      <c r="GZT25" s="61"/>
      <c r="GZU25" s="61"/>
      <c r="GZV25" s="62"/>
      <c r="GZW25" s="56"/>
      <c r="GZX25" s="61"/>
      <c r="GZY25" s="61"/>
      <c r="GZZ25" s="61"/>
      <c r="HAA25" s="61"/>
      <c r="HAB25" s="62"/>
      <c r="HAC25" s="56"/>
      <c r="HAD25" s="61"/>
      <c r="HAE25" s="61"/>
      <c r="HAF25" s="61"/>
      <c r="HAG25" s="61"/>
      <c r="HAH25" s="62"/>
      <c r="HAI25" s="56"/>
      <c r="HAJ25" s="61"/>
      <c r="HAK25" s="61"/>
      <c r="HAL25" s="61"/>
      <c r="HAM25" s="61"/>
      <c r="HAN25" s="62"/>
      <c r="HAO25" s="56"/>
      <c r="HAP25" s="61"/>
      <c r="HAQ25" s="61"/>
      <c r="HAR25" s="61"/>
      <c r="HAS25" s="61"/>
      <c r="HAT25" s="62"/>
      <c r="HAU25" s="56"/>
      <c r="HAV25" s="61"/>
      <c r="HAW25" s="61"/>
      <c r="HAX25" s="61"/>
      <c r="HAY25" s="61"/>
      <c r="HAZ25" s="62"/>
      <c r="HBA25" s="56"/>
      <c r="HBB25" s="61"/>
      <c r="HBC25" s="61"/>
      <c r="HBD25" s="61"/>
      <c r="HBE25" s="61"/>
      <c r="HBF25" s="62"/>
      <c r="HBG25" s="56"/>
      <c r="HBH25" s="61"/>
      <c r="HBI25" s="61"/>
      <c r="HBJ25" s="61"/>
      <c r="HBK25" s="61"/>
      <c r="HBL25" s="62"/>
      <c r="HBM25" s="56"/>
      <c r="HBN25" s="61"/>
      <c r="HBO25" s="61"/>
      <c r="HBP25" s="61"/>
      <c r="HBQ25" s="61"/>
      <c r="HBR25" s="62"/>
      <c r="HBS25" s="56"/>
      <c r="HBT25" s="61"/>
      <c r="HBU25" s="61"/>
      <c r="HBV25" s="61"/>
      <c r="HBW25" s="61"/>
      <c r="HBX25" s="62"/>
      <c r="HBY25" s="56"/>
      <c r="HBZ25" s="61"/>
      <c r="HCA25" s="61"/>
      <c r="HCB25" s="61"/>
      <c r="HCC25" s="61"/>
      <c r="HCD25" s="62"/>
      <c r="HCE25" s="56"/>
      <c r="HCF25" s="61"/>
      <c r="HCG25" s="61"/>
      <c r="HCH25" s="61"/>
      <c r="HCI25" s="61"/>
      <c r="HCJ25" s="62"/>
      <c r="HCK25" s="56"/>
      <c r="HCL25" s="61"/>
      <c r="HCM25" s="61"/>
      <c r="HCN25" s="61"/>
      <c r="HCO25" s="61"/>
      <c r="HCP25" s="62"/>
      <c r="HCQ25" s="56"/>
      <c r="HCR25" s="61"/>
      <c r="HCS25" s="61"/>
      <c r="HCT25" s="61"/>
      <c r="HCU25" s="61"/>
      <c r="HCV25" s="62"/>
      <c r="HCW25" s="56"/>
      <c r="HCX25" s="61"/>
      <c r="HCY25" s="61"/>
      <c r="HCZ25" s="61"/>
      <c r="HDA25" s="61"/>
      <c r="HDB25" s="62"/>
      <c r="HDC25" s="56"/>
      <c r="HDD25" s="61"/>
      <c r="HDE25" s="61"/>
      <c r="HDF25" s="61"/>
      <c r="HDG25" s="61"/>
      <c r="HDH25" s="62"/>
      <c r="HDI25" s="56"/>
      <c r="HDJ25" s="61"/>
      <c r="HDK25" s="61"/>
      <c r="HDL25" s="61"/>
      <c r="HDM25" s="61"/>
      <c r="HDN25" s="62"/>
      <c r="HDO25" s="56"/>
      <c r="HDP25" s="61"/>
      <c r="HDQ25" s="61"/>
      <c r="HDR25" s="61"/>
      <c r="HDS25" s="61"/>
      <c r="HDT25" s="62"/>
      <c r="HDU25" s="56"/>
      <c r="HDV25" s="61"/>
      <c r="HDW25" s="61"/>
      <c r="HDX25" s="61"/>
      <c r="HDY25" s="61"/>
      <c r="HDZ25" s="62"/>
      <c r="HEA25" s="56"/>
      <c r="HEB25" s="61"/>
      <c r="HEC25" s="61"/>
      <c r="HED25" s="61"/>
      <c r="HEE25" s="61"/>
      <c r="HEF25" s="62"/>
      <c r="HEG25" s="56"/>
      <c r="HEH25" s="61"/>
      <c r="HEI25" s="61"/>
      <c r="HEJ25" s="61"/>
      <c r="HEK25" s="61"/>
      <c r="HEL25" s="62"/>
      <c r="HEM25" s="56"/>
      <c r="HEN25" s="61"/>
      <c r="HEO25" s="61"/>
      <c r="HEP25" s="61"/>
      <c r="HEQ25" s="61"/>
      <c r="HER25" s="62"/>
      <c r="HES25" s="56"/>
      <c r="HET25" s="61"/>
      <c r="HEU25" s="61"/>
      <c r="HEV25" s="61"/>
      <c r="HEW25" s="61"/>
      <c r="HEX25" s="62"/>
      <c r="HEY25" s="56"/>
      <c r="HEZ25" s="61"/>
      <c r="HFA25" s="61"/>
      <c r="HFB25" s="61"/>
      <c r="HFC25" s="61"/>
      <c r="HFD25" s="62"/>
      <c r="HFE25" s="56"/>
      <c r="HFF25" s="61"/>
      <c r="HFG25" s="61"/>
      <c r="HFH25" s="61"/>
      <c r="HFI25" s="61"/>
      <c r="HFJ25" s="62"/>
      <c r="HFK25" s="56"/>
      <c r="HFL25" s="61"/>
      <c r="HFM25" s="61"/>
      <c r="HFN25" s="61"/>
      <c r="HFO25" s="61"/>
      <c r="HFP25" s="62"/>
      <c r="HFQ25" s="56"/>
      <c r="HFR25" s="61"/>
      <c r="HFS25" s="61"/>
      <c r="HFT25" s="61"/>
      <c r="HFU25" s="61"/>
      <c r="HFV25" s="62"/>
      <c r="HFW25" s="56"/>
      <c r="HFX25" s="61"/>
      <c r="HFY25" s="61"/>
      <c r="HFZ25" s="61"/>
      <c r="HGA25" s="61"/>
      <c r="HGB25" s="62"/>
      <c r="HGC25" s="56"/>
      <c r="HGD25" s="61"/>
      <c r="HGE25" s="61"/>
      <c r="HGF25" s="61"/>
      <c r="HGG25" s="61"/>
      <c r="HGH25" s="62"/>
      <c r="HGI25" s="56"/>
      <c r="HGJ25" s="61"/>
      <c r="HGK25" s="61"/>
      <c r="HGL25" s="61"/>
      <c r="HGM25" s="61"/>
      <c r="HGN25" s="62"/>
      <c r="HGO25" s="56"/>
      <c r="HGP25" s="61"/>
      <c r="HGQ25" s="61"/>
      <c r="HGR25" s="61"/>
      <c r="HGS25" s="61"/>
      <c r="HGT25" s="62"/>
      <c r="HGU25" s="56"/>
      <c r="HGV25" s="61"/>
      <c r="HGW25" s="61"/>
      <c r="HGX25" s="61"/>
      <c r="HGY25" s="61"/>
      <c r="HGZ25" s="62"/>
      <c r="HHA25" s="56"/>
      <c r="HHB25" s="61"/>
      <c r="HHC25" s="61"/>
      <c r="HHD25" s="61"/>
      <c r="HHE25" s="61"/>
      <c r="HHF25" s="62"/>
      <c r="HHG25" s="56"/>
      <c r="HHH25" s="61"/>
      <c r="HHI25" s="61"/>
      <c r="HHJ25" s="61"/>
      <c r="HHK25" s="61"/>
      <c r="HHL25" s="62"/>
      <c r="HHM25" s="56"/>
      <c r="HHN25" s="61"/>
      <c r="HHO25" s="61"/>
      <c r="HHP25" s="61"/>
      <c r="HHQ25" s="61"/>
      <c r="HHR25" s="62"/>
      <c r="HHS25" s="56"/>
      <c r="HHT25" s="61"/>
      <c r="HHU25" s="61"/>
      <c r="HHV25" s="61"/>
      <c r="HHW25" s="61"/>
      <c r="HHX25" s="62"/>
      <c r="HHY25" s="56"/>
      <c r="HHZ25" s="61"/>
      <c r="HIA25" s="61"/>
      <c r="HIB25" s="61"/>
      <c r="HIC25" s="61"/>
      <c r="HID25" s="62"/>
      <c r="HIE25" s="56"/>
      <c r="HIF25" s="61"/>
      <c r="HIG25" s="61"/>
      <c r="HIH25" s="61"/>
      <c r="HII25" s="61"/>
      <c r="HIJ25" s="62"/>
      <c r="HIK25" s="56"/>
      <c r="HIL25" s="61"/>
      <c r="HIM25" s="61"/>
      <c r="HIN25" s="61"/>
      <c r="HIO25" s="61"/>
      <c r="HIP25" s="62"/>
      <c r="HIQ25" s="56"/>
      <c r="HIR25" s="61"/>
      <c r="HIS25" s="61"/>
      <c r="HIT25" s="61"/>
      <c r="HIU25" s="61"/>
      <c r="HIV25" s="62"/>
      <c r="HIW25" s="56"/>
      <c r="HIX25" s="61"/>
      <c r="HIY25" s="61"/>
      <c r="HIZ25" s="61"/>
      <c r="HJA25" s="61"/>
      <c r="HJB25" s="62"/>
      <c r="HJC25" s="56"/>
      <c r="HJD25" s="61"/>
      <c r="HJE25" s="61"/>
      <c r="HJF25" s="61"/>
      <c r="HJG25" s="61"/>
      <c r="HJH25" s="62"/>
      <c r="HJI25" s="56"/>
      <c r="HJJ25" s="61"/>
      <c r="HJK25" s="61"/>
      <c r="HJL25" s="61"/>
      <c r="HJM25" s="61"/>
      <c r="HJN25" s="62"/>
      <c r="HJO25" s="56"/>
      <c r="HJP25" s="61"/>
      <c r="HJQ25" s="61"/>
      <c r="HJR25" s="61"/>
      <c r="HJS25" s="61"/>
      <c r="HJT25" s="62"/>
      <c r="HJU25" s="56"/>
      <c r="HJV25" s="61"/>
      <c r="HJW25" s="61"/>
      <c r="HJX25" s="61"/>
      <c r="HJY25" s="61"/>
      <c r="HJZ25" s="62"/>
      <c r="HKA25" s="56"/>
      <c r="HKB25" s="61"/>
      <c r="HKC25" s="61"/>
      <c r="HKD25" s="61"/>
      <c r="HKE25" s="61"/>
      <c r="HKF25" s="62"/>
      <c r="HKG25" s="56"/>
      <c r="HKH25" s="61"/>
      <c r="HKI25" s="61"/>
      <c r="HKJ25" s="61"/>
      <c r="HKK25" s="61"/>
      <c r="HKL25" s="62"/>
      <c r="HKM25" s="56"/>
      <c r="HKN25" s="61"/>
      <c r="HKO25" s="61"/>
      <c r="HKP25" s="61"/>
      <c r="HKQ25" s="61"/>
      <c r="HKR25" s="62"/>
      <c r="HKS25" s="56"/>
      <c r="HKT25" s="61"/>
      <c r="HKU25" s="61"/>
      <c r="HKV25" s="61"/>
      <c r="HKW25" s="61"/>
      <c r="HKX25" s="62"/>
      <c r="HKY25" s="56"/>
      <c r="HKZ25" s="61"/>
      <c r="HLA25" s="61"/>
      <c r="HLB25" s="61"/>
      <c r="HLC25" s="61"/>
      <c r="HLD25" s="62"/>
      <c r="HLE25" s="56"/>
      <c r="HLF25" s="61"/>
      <c r="HLG25" s="61"/>
      <c r="HLH25" s="61"/>
      <c r="HLI25" s="61"/>
      <c r="HLJ25" s="62"/>
      <c r="HLK25" s="56"/>
      <c r="HLL25" s="61"/>
      <c r="HLM25" s="61"/>
      <c r="HLN25" s="61"/>
      <c r="HLO25" s="61"/>
      <c r="HLP25" s="62"/>
      <c r="HLQ25" s="56"/>
      <c r="HLR25" s="61"/>
      <c r="HLS25" s="61"/>
      <c r="HLT25" s="61"/>
      <c r="HLU25" s="61"/>
      <c r="HLV25" s="62"/>
      <c r="HLW25" s="56"/>
      <c r="HLX25" s="61"/>
      <c r="HLY25" s="61"/>
      <c r="HLZ25" s="61"/>
      <c r="HMA25" s="61"/>
      <c r="HMB25" s="62"/>
      <c r="HMC25" s="56"/>
      <c r="HMD25" s="61"/>
      <c r="HME25" s="61"/>
      <c r="HMF25" s="61"/>
      <c r="HMG25" s="61"/>
      <c r="HMH25" s="62"/>
      <c r="HMI25" s="56"/>
      <c r="HMJ25" s="61"/>
      <c r="HMK25" s="61"/>
      <c r="HML25" s="61"/>
      <c r="HMM25" s="61"/>
      <c r="HMN25" s="62"/>
      <c r="HMO25" s="56"/>
      <c r="HMP25" s="61"/>
      <c r="HMQ25" s="61"/>
      <c r="HMR25" s="61"/>
      <c r="HMS25" s="61"/>
      <c r="HMT25" s="62"/>
      <c r="HMU25" s="56"/>
      <c r="HMV25" s="61"/>
      <c r="HMW25" s="61"/>
      <c r="HMX25" s="61"/>
      <c r="HMY25" s="61"/>
      <c r="HMZ25" s="62"/>
      <c r="HNA25" s="56"/>
      <c r="HNB25" s="61"/>
      <c r="HNC25" s="61"/>
      <c r="HND25" s="61"/>
      <c r="HNE25" s="61"/>
      <c r="HNF25" s="62"/>
      <c r="HNG25" s="56"/>
      <c r="HNH25" s="61"/>
      <c r="HNI25" s="61"/>
      <c r="HNJ25" s="61"/>
      <c r="HNK25" s="61"/>
      <c r="HNL25" s="62"/>
      <c r="HNM25" s="56"/>
      <c r="HNN25" s="61"/>
      <c r="HNO25" s="61"/>
      <c r="HNP25" s="61"/>
      <c r="HNQ25" s="61"/>
      <c r="HNR25" s="62"/>
      <c r="HNS25" s="56"/>
      <c r="HNT25" s="61"/>
      <c r="HNU25" s="61"/>
      <c r="HNV25" s="61"/>
      <c r="HNW25" s="61"/>
      <c r="HNX25" s="62"/>
      <c r="HNY25" s="56"/>
      <c r="HNZ25" s="61"/>
      <c r="HOA25" s="61"/>
      <c r="HOB25" s="61"/>
      <c r="HOC25" s="61"/>
      <c r="HOD25" s="62"/>
      <c r="HOE25" s="56"/>
      <c r="HOF25" s="61"/>
      <c r="HOG25" s="61"/>
      <c r="HOH25" s="61"/>
      <c r="HOI25" s="61"/>
      <c r="HOJ25" s="62"/>
      <c r="HOK25" s="56"/>
      <c r="HOL25" s="61"/>
      <c r="HOM25" s="61"/>
      <c r="HON25" s="61"/>
      <c r="HOO25" s="61"/>
      <c r="HOP25" s="62"/>
      <c r="HOQ25" s="56"/>
      <c r="HOR25" s="61"/>
      <c r="HOS25" s="61"/>
      <c r="HOT25" s="61"/>
      <c r="HOU25" s="61"/>
      <c r="HOV25" s="62"/>
      <c r="HOW25" s="56"/>
      <c r="HOX25" s="61"/>
      <c r="HOY25" s="61"/>
      <c r="HOZ25" s="61"/>
      <c r="HPA25" s="61"/>
      <c r="HPB25" s="62"/>
      <c r="HPC25" s="56"/>
      <c r="HPD25" s="61"/>
      <c r="HPE25" s="61"/>
      <c r="HPF25" s="61"/>
      <c r="HPG25" s="61"/>
      <c r="HPH25" s="62"/>
      <c r="HPI25" s="56"/>
      <c r="HPJ25" s="61"/>
      <c r="HPK25" s="61"/>
      <c r="HPL25" s="61"/>
      <c r="HPM25" s="61"/>
      <c r="HPN25" s="62"/>
      <c r="HPO25" s="56"/>
      <c r="HPP25" s="61"/>
      <c r="HPQ25" s="61"/>
      <c r="HPR25" s="61"/>
      <c r="HPS25" s="61"/>
      <c r="HPT25" s="62"/>
      <c r="HPU25" s="56"/>
      <c r="HPV25" s="61"/>
      <c r="HPW25" s="61"/>
      <c r="HPX25" s="61"/>
      <c r="HPY25" s="61"/>
      <c r="HPZ25" s="62"/>
      <c r="HQA25" s="56"/>
      <c r="HQB25" s="61"/>
      <c r="HQC25" s="61"/>
      <c r="HQD25" s="61"/>
      <c r="HQE25" s="61"/>
      <c r="HQF25" s="62"/>
      <c r="HQG25" s="56"/>
      <c r="HQH25" s="61"/>
      <c r="HQI25" s="61"/>
      <c r="HQJ25" s="61"/>
      <c r="HQK25" s="61"/>
      <c r="HQL25" s="62"/>
      <c r="HQM25" s="56"/>
      <c r="HQN25" s="61"/>
      <c r="HQO25" s="61"/>
      <c r="HQP25" s="61"/>
      <c r="HQQ25" s="61"/>
      <c r="HQR25" s="62"/>
      <c r="HQS25" s="56"/>
      <c r="HQT25" s="61"/>
      <c r="HQU25" s="61"/>
      <c r="HQV25" s="61"/>
      <c r="HQW25" s="61"/>
      <c r="HQX25" s="62"/>
      <c r="HQY25" s="56"/>
      <c r="HQZ25" s="61"/>
      <c r="HRA25" s="61"/>
      <c r="HRB25" s="61"/>
      <c r="HRC25" s="61"/>
      <c r="HRD25" s="62"/>
      <c r="HRE25" s="56"/>
      <c r="HRF25" s="61"/>
      <c r="HRG25" s="61"/>
      <c r="HRH25" s="61"/>
      <c r="HRI25" s="61"/>
      <c r="HRJ25" s="62"/>
      <c r="HRK25" s="56"/>
      <c r="HRL25" s="61"/>
      <c r="HRM25" s="61"/>
      <c r="HRN25" s="61"/>
      <c r="HRO25" s="61"/>
      <c r="HRP25" s="62"/>
      <c r="HRQ25" s="56"/>
      <c r="HRR25" s="61"/>
      <c r="HRS25" s="61"/>
      <c r="HRT25" s="61"/>
      <c r="HRU25" s="61"/>
      <c r="HRV25" s="62"/>
      <c r="HRW25" s="56"/>
      <c r="HRX25" s="61"/>
      <c r="HRY25" s="61"/>
      <c r="HRZ25" s="61"/>
      <c r="HSA25" s="61"/>
      <c r="HSB25" s="62"/>
      <c r="HSC25" s="56"/>
      <c r="HSD25" s="61"/>
      <c r="HSE25" s="61"/>
      <c r="HSF25" s="61"/>
      <c r="HSG25" s="61"/>
      <c r="HSH25" s="62"/>
      <c r="HSI25" s="56"/>
      <c r="HSJ25" s="61"/>
      <c r="HSK25" s="61"/>
      <c r="HSL25" s="61"/>
      <c r="HSM25" s="61"/>
      <c r="HSN25" s="62"/>
      <c r="HSO25" s="56"/>
      <c r="HSP25" s="61"/>
      <c r="HSQ25" s="61"/>
      <c r="HSR25" s="61"/>
      <c r="HSS25" s="61"/>
      <c r="HST25" s="62"/>
      <c r="HSU25" s="56"/>
      <c r="HSV25" s="61"/>
      <c r="HSW25" s="61"/>
      <c r="HSX25" s="61"/>
      <c r="HSY25" s="61"/>
      <c r="HSZ25" s="62"/>
      <c r="HTA25" s="56"/>
      <c r="HTB25" s="61"/>
      <c r="HTC25" s="61"/>
      <c r="HTD25" s="61"/>
      <c r="HTE25" s="61"/>
      <c r="HTF25" s="62"/>
      <c r="HTG25" s="56"/>
      <c r="HTH25" s="61"/>
      <c r="HTI25" s="61"/>
      <c r="HTJ25" s="61"/>
      <c r="HTK25" s="61"/>
      <c r="HTL25" s="62"/>
      <c r="HTM25" s="56"/>
      <c r="HTN25" s="61"/>
      <c r="HTO25" s="61"/>
      <c r="HTP25" s="61"/>
      <c r="HTQ25" s="61"/>
      <c r="HTR25" s="62"/>
      <c r="HTS25" s="56"/>
      <c r="HTT25" s="61"/>
      <c r="HTU25" s="61"/>
      <c r="HTV25" s="61"/>
      <c r="HTW25" s="61"/>
      <c r="HTX25" s="62"/>
      <c r="HTY25" s="56"/>
      <c r="HTZ25" s="61"/>
      <c r="HUA25" s="61"/>
      <c r="HUB25" s="61"/>
      <c r="HUC25" s="61"/>
      <c r="HUD25" s="62"/>
      <c r="HUE25" s="56"/>
      <c r="HUF25" s="61"/>
      <c r="HUG25" s="61"/>
      <c r="HUH25" s="61"/>
      <c r="HUI25" s="61"/>
      <c r="HUJ25" s="62"/>
      <c r="HUK25" s="56"/>
      <c r="HUL25" s="61"/>
      <c r="HUM25" s="61"/>
      <c r="HUN25" s="61"/>
      <c r="HUO25" s="61"/>
      <c r="HUP25" s="62"/>
      <c r="HUQ25" s="56"/>
      <c r="HUR25" s="61"/>
      <c r="HUS25" s="61"/>
      <c r="HUT25" s="61"/>
      <c r="HUU25" s="61"/>
      <c r="HUV25" s="62"/>
      <c r="HUW25" s="56"/>
      <c r="HUX25" s="61"/>
      <c r="HUY25" s="61"/>
      <c r="HUZ25" s="61"/>
      <c r="HVA25" s="61"/>
      <c r="HVB25" s="62"/>
      <c r="HVC25" s="56"/>
      <c r="HVD25" s="61"/>
      <c r="HVE25" s="61"/>
      <c r="HVF25" s="61"/>
      <c r="HVG25" s="61"/>
      <c r="HVH25" s="62"/>
      <c r="HVI25" s="56"/>
      <c r="HVJ25" s="61"/>
      <c r="HVK25" s="61"/>
      <c r="HVL25" s="61"/>
      <c r="HVM25" s="61"/>
      <c r="HVN25" s="62"/>
      <c r="HVO25" s="56"/>
      <c r="HVP25" s="61"/>
      <c r="HVQ25" s="61"/>
      <c r="HVR25" s="61"/>
      <c r="HVS25" s="61"/>
      <c r="HVT25" s="62"/>
      <c r="HVU25" s="56"/>
      <c r="HVV25" s="61"/>
      <c r="HVW25" s="61"/>
      <c r="HVX25" s="61"/>
      <c r="HVY25" s="61"/>
      <c r="HVZ25" s="62"/>
      <c r="HWA25" s="56"/>
      <c r="HWB25" s="61"/>
      <c r="HWC25" s="61"/>
      <c r="HWD25" s="61"/>
      <c r="HWE25" s="61"/>
      <c r="HWF25" s="62"/>
      <c r="HWG25" s="56"/>
      <c r="HWH25" s="61"/>
      <c r="HWI25" s="61"/>
      <c r="HWJ25" s="61"/>
      <c r="HWK25" s="61"/>
      <c r="HWL25" s="62"/>
      <c r="HWM25" s="56"/>
      <c r="HWN25" s="61"/>
      <c r="HWO25" s="61"/>
      <c r="HWP25" s="61"/>
      <c r="HWQ25" s="61"/>
      <c r="HWR25" s="62"/>
      <c r="HWS25" s="56"/>
      <c r="HWT25" s="61"/>
      <c r="HWU25" s="61"/>
      <c r="HWV25" s="61"/>
      <c r="HWW25" s="61"/>
      <c r="HWX25" s="62"/>
      <c r="HWY25" s="56"/>
      <c r="HWZ25" s="61"/>
      <c r="HXA25" s="61"/>
      <c r="HXB25" s="61"/>
      <c r="HXC25" s="61"/>
      <c r="HXD25" s="62"/>
      <c r="HXE25" s="56"/>
      <c r="HXF25" s="61"/>
      <c r="HXG25" s="61"/>
      <c r="HXH25" s="61"/>
      <c r="HXI25" s="61"/>
      <c r="HXJ25" s="62"/>
      <c r="HXK25" s="56"/>
      <c r="HXL25" s="61"/>
      <c r="HXM25" s="61"/>
      <c r="HXN25" s="61"/>
      <c r="HXO25" s="61"/>
      <c r="HXP25" s="62"/>
      <c r="HXQ25" s="56"/>
      <c r="HXR25" s="61"/>
      <c r="HXS25" s="61"/>
      <c r="HXT25" s="61"/>
      <c r="HXU25" s="61"/>
      <c r="HXV25" s="62"/>
      <c r="HXW25" s="56"/>
      <c r="HXX25" s="61"/>
      <c r="HXY25" s="61"/>
      <c r="HXZ25" s="61"/>
      <c r="HYA25" s="61"/>
      <c r="HYB25" s="62"/>
      <c r="HYC25" s="56"/>
      <c r="HYD25" s="61"/>
      <c r="HYE25" s="61"/>
      <c r="HYF25" s="61"/>
      <c r="HYG25" s="61"/>
      <c r="HYH25" s="62"/>
      <c r="HYI25" s="56"/>
      <c r="HYJ25" s="61"/>
      <c r="HYK25" s="61"/>
      <c r="HYL25" s="61"/>
      <c r="HYM25" s="61"/>
      <c r="HYN25" s="62"/>
      <c r="HYO25" s="56"/>
      <c r="HYP25" s="61"/>
      <c r="HYQ25" s="61"/>
      <c r="HYR25" s="61"/>
      <c r="HYS25" s="61"/>
      <c r="HYT25" s="62"/>
      <c r="HYU25" s="56"/>
      <c r="HYV25" s="61"/>
      <c r="HYW25" s="61"/>
      <c r="HYX25" s="61"/>
      <c r="HYY25" s="61"/>
      <c r="HYZ25" s="62"/>
      <c r="HZA25" s="56"/>
      <c r="HZB25" s="61"/>
      <c r="HZC25" s="61"/>
      <c r="HZD25" s="61"/>
      <c r="HZE25" s="61"/>
      <c r="HZF25" s="62"/>
      <c r="HZG25" s="56"/>
      <c r="HZH25" s="61"/>
      <c r="HZI25" s="61"/>
      <c r="HZJ25" s="61"/>
      <c r="HZK25" s="61"/>
      <c r="HZL25" s="62"/>
      <c r="HZM25" s="56"/>
      <c r="HZN25" s="61"/>
      <c r="HZO25" s="61"/>
      <c r="HZP25" s="61"/>
      <c r="HZQ25" s="61"/>
      <c r="HZR25" s="62"/>
      <c r="HZS25" s="56"/>
      <c r="HZT25" s="61"/>
      <c r="HZU25" s="61"/>
      <c r="HZV25" s="61"/>
      <c r="HZW25" s="61"/>
      <c r="HZX25" s="62"/>
      <c r="HZY25" s="56"/>
      <c r="HZZ25" s="61"/>
      <c r="IAA25" s="61"/>
      <c r="IAB25" s="61"/>
      <c r="IAC25" s="61"/>
      <c r="IAD25" s="62"/>
      <c r="IAE25" s="56"/>
      <c r="IAF25" s="61"/>
      <c r="IAG25" s="61"/>
      <c r="IAH25" s="61"/>
      <c r="IAI25" s="61"/>
      <c r="IAJ25" s="62"/>
      <c r="IAK25" s="56"/>
      <c r="IAL25" s="61"/>
      <c r="IAM25" s="61"/>
      <c r="IAN25" s="61"/>
      <c r="IAO25" s="61"/>
      <c r="IAP25" s="62"/>
      <c r="IAQ25" s="56"/>
      <c r="IAR25" s="61"/>
      <c r="IAS25" s="61"/>
      <c r="IAT25" s="61"/>
      <c r="IAU25" s="61"/>
      <c r="IAV25" s="62"/>
      <c r="IAW25" s="56"/>
      <c r="IAX25" s="61"/>
      <c r="IAY25" s="61"/>
      <c r="IAZ25" s="61"/>
      <c r="IBA25" s="61"/>
      <c r="IBB25" s="62"/>
      <c r="IBC25" s="56"/>
      <c r="IBD25" s="61"/>
      <c r="IBE25" s="61"/>
      <c r="IBF25" s="61"/>
      <c r="IBG25" s="61"/>
      <c r="IBH25" s="62"/>
      <c r="IBI25" s="56"/>
      <c r="IBJ25" s="61"/>
      <c r="IBK25" s="61"/>
      <c r="IBL25" s="61"/>
      <c r="IBM25" s="61"/>
      <c r="IBN25" s="62"/>
      <c r="IBO25" s="56"/>
      <c r="IBP25" s="61"/>
      <c r="IBQ25" s="61"/>
      <c r="IBR25" s="61"/>
      <c r="IBS25" s="61"/>
      <c r="IBT25" s="62"/>
      <c r="IBU25" s="56"/>
      <c r="IBV25" s="61"/>
      <c r="IBW25" s="61"/>
      <c r="IBX25" s="61"/>
      <c r="IBY25" s="61"/>
      <c r="IBZ25" s="62"/>
      <c r="ICA25" s="56"/>
      <c r="ICB25" s="61"/>
      <c r="ICC25" s="61"/>
      <c r="ICD25" s="61"/>
      <c r="ICE25" s="61"/>
      <c r="ICF25" s="62"/>
      <c r="ICG25" s="56"/>
      <c r="ICH25" s="61"/>
      <c r="ICI25" s="61"/>
      <c r="ICJ25" s="61"/>
      <c r="ICK25" s="61"/>
      <c r="ICL25" s="62"/>
      <c r="ICM25" s="56"/>
      <c r="ICN25" s="61"/>
      <c r="ICO25" s="61"/>
      <c r="ICP25" s="61"/>
      <c r="ICQ25" s="61"/>
      <c r="ICR25" s="62"/>
      <c r="ICS25" s="56"/>
      <c r="ICT25" s="61"/>
      <c r="ICU25" s="61"/>
      <c r="ICV25" s="61"/>
      <c r="ICW25" s="61"/>
      <c r="ICX25" s="62"/>
      <c r="ICY25" s="56"/>
      <c r="ICZ25" s="61"/>
      <c r="IDA25" s="61"/>
      <c r="IDB25" s="61"/>
      <c r="IDC25" s="61"/>
      <c r="IDD25" s="62"/>
      <c r="IDE25" s="56"/>
      <c r="IDF25" s="61"/>
      <c r="IDG25" s="61"/>
      <c r="IDH25" s="61"/>
      <c r="IDI25" s="61"/>
      <c r="IDJ25" s="62"/>
      <c r="IDK25" s="56"/>
      <c r="IDL25" s="61"/>
      <c r="IDM25" s="61"/>
      <c r="IDN25" s="61"/>
      <c r="IDO25" s="61"/>
      <c r="IDP25" s="62"/>
      <c r="IDQ25" s="56"/>
      <c r="IDR25" s="61"/>
      <c r="IDS25" s="61"/>
      <c r="IDT25" s="61"/>
      <c r="IDU25" s="61"/>
      <c r="IDV25" s="62"/>
      <c r="IDW25" s="56"/>
      <c r="IDX25" s="61"/>
      <c r="IDY25" s="61"/>
      <c r="IDZ25" s="61"/>
      <c r="IEA25" s="61"/>
      <c r="IEB25" s="62"/>
      <c r="IEC25" s="56"/>
      <c r="IED25" s="61"/>
      <c r="IEE25" s="61"/>
      <c r="IEF25" s="61"/>
      <c r="IEG25" s="61"/>
      <c r="IEH25" s="62"/>
      <c r="IEI25" s="56"/>
      <c r="IEJ25" s="61"/>
      <c r="IEK25" s="61"/>
      <c r="IEL25" s="61"/>
      <c r="IEM25" s="61"/>
      <c r="IEN25" s="62"/>
      <c r="IEO25" s="56"/>
      <c r="IEP25" s="61"/>
      <c r="IEQ25" s="61"/>
      <c r="IER25" s="61"/>
      <c r="IES25" s="61"/>
      <c r="IET25" s="62"/>
      <c r="IEU25" s="56"/>
      <c r="IEV25" s="61"/>
      <c r="IEW25" s="61"/>
      <c r="IEX25" s="61"/>
      <c r="IEY25" s="61"/>
      <c r="IEZ25" s="62"/>
      <c r="IFA25" s="56"/>
      <c r="IFB25" s="61"/>
      <c r="IFC25" s="61"/>
      <c r="IFD25" s="61"/>
      <c r="IFE25" s="61"/>
      <c r="IFF25" s="62"/>
      <c r="IFG25" s="56"/>
      <c r="IFH25" s="61"/>
      <c r="IFI25" s="61"/>
      <c r="IFJ25" s="61"/>
      <c r="IFK25" s="61"/>
      <c r="IFL25" s="62"/>
      <c r="IFM25" s="56"/>
      <c r="IFN25" s="61"/>
      <c r="IFO25" s="61"/>
      <c r="IFP25" s="61"/>
      <c r="IFQ25" s="61"/>
      <c r="IFR25" s="62"/>
      <c r="IFS25" s="56"/>
      <c r="IFT25" s="61"/>
      <c r="IFU25" s="61"/>
      <c r="IFV25" s="61"/>
      <c r="IFW25" s="61"/>
      <c r="IFX25" s="62"/>
      <c r="IFY25" s="56"/>
      <c r="IFZ25" s="61"/>
      <c r="IGA25" s="61"/>
      <c r="IGB25" s="61"/>
      <c r="IGC25" s="61"/>
      <c r="IGD25" s="62"/>
      <c r="IGE25" s="56"/>
      <c r="IGF25" s="61"/>
      <c r="IGG25" s="61"/>
      <c r="IGH25" s="61"/>
      <c r="IGI25" s="61"/>
      <c r="IGJ25" s="62"/>
      <c r="IGK25" s="56"/>
      <c r="IGL25" s="61"/>
      <c r="IGM25" s="61"/>
      <c r="IGN25" s="61"/>
      <c r="IGO25" s="61"/>
      <c r="IGP25" s="62"/>
      <c r="IGQ25" s="56"/>
      <c r="IGR25" s="61"/>
      <c r="IGS25" s="61"/>
      <c r="IGT25" s="61"/>
      <c r="IGU25" s="61"/>
      <c r="IGV25" s="62"/>
      <c r="IGW25" s="56"/>
      <c r="IGX25" s="61"/>
      <c r="IGY25" s="61"/>
      <c r="IGZ25" s="61"/>
      <c r="IHA25" s="61"/>
      <c r="IHB25" s="62"/>
      <c r="IHC25" s="56"/>
      <c r="IHD25" s="61"/>
      <c r="IHE25" s="61"/>
      <c r="IHF25" s="61"/>
      <c r="IHG25" s="61"/>
      <c r="IHH25" s="62"/>
      <c r="IHI25" s="56"/>
      <c r="IHJ25" s="61"/>
      <c r="IHK25" s="61"/>
      <c r="IHL25" s="61"/>
      <c r="IHM25" s="61"/>
      <c r="IHN25" s="62"/>
      <c r="IHO25" s="56"/>
      <c r="IHP25" s="61"/>
      <c r="IHQ25" s="61"/>
      <c r="IHR25" s="61"/>
      <c r="IHS25" s="61"/>
      <c r="IHT25" s="62"/>
      <c r="IHU25" s="56"/>
      <c r="IHV25" s="61"/>
      <c r="IHW25" s="61"/>
      <c r="IHX25" s="61"/>
      <c r="IHY25" s="61"/>
      <c r="IHZ25" s="62"/>
      <c r="IIA25" s="56"/>
      <c r="IIB25" s="61"/>
      <c r="IIC25" s="61"/>
      <c r="IID25" s="61"/>
      <c r="IIE25" s="61"/>
      <c r="IIF25" s="62"/>
      <c r="IIG25" s="56"/>
      <c r="IIH25" s="61"/>
      <c r="III25" s="61"/>
      <c r="IIJ25" s="61"/>
      <c r="IIK25" s="61"/>
      <c r="IIL25" s="62"/>
      <c r="IIM25" s="56"/>
      <c r="IIN25" s="61"/>
      <c r="IIO25" s="61"/>
      <c r="IIP25" s="61"/>
      <c r="IIQ25" s="61"/>
      <c r="IIR25" s="62"/>
      <c r="IIS25" s="56"/>
      <c r="IIT25" s="61"/>
      <c r="IIU25" s="61"/>
      <c r="IIV25" s="61"/>
      <c r="IIW25" s="61"/>
      <c r="IIX25" s="62"/>
      <c r="IIY25" s="56"/>
      <c r="IIZ25" s="61"/>
      <c r="IJA25" s="61"/>
      <c r="IJB25" s="61"/>
      <c r="IJC25" s="61"/>
      <c r="IJD25" s="62"/>
      <c r="IJE25" s="56"/>
      <c r="IJF25" s="61"/>
      <c r="IJG25" s="61"/>
      <c r="IJH25" s="61"/>
      <c r="IJI25" s="61"/>
      <c r="IJJ25" s="62"/>
      <c r="IJK25" s="56"/>
      <c r="IJL25" s="61"/>
      <c r="IJM25" s="61"/>
      <c r="IJN25" s="61"/>
      <c r="IJO25" s="61"/>
      <c r="IJP25" s="62"/>
      <c r="IJQ25" s="56"/>
      <c r="IJR25" s="61"/>
      <c r="IJS25" s="61"/>
      <c r="IJT25" s="61"/>
      <c r="IJU25" s="61"/>
      <c r="IJV25" s="62"/>
      <c r="IJW25" s="56"/>
      <c r="IJX25" s="61"/>
      <c r="IJY25" s="61"/>
      <c r="IJZ25" s="61"/>
      <c r="IKA25" s="61"/>
      <c r="IKB25" s="62"/>
      <c r="IKC25" s="56"/>
      <c r="IKD25" s="61"/>
      <c r="IKE25" s="61"/>
      <c r="IKF25" s="61"/>
      <c r="IKG25" s="61"/>
      <c r="IKH25" s="62"/>
      <c r="IKI25" s="56"/>
      <c r="IKJ25" s="61"/>
      <c r="IKK25" s="61"/>
      <c r="IKL25" s="61"/>
      <c r="IKM25" s="61"/>
      <c r="IKN25" s="62"/>
      <c r="IKO25" s="56"/>
      <c r="IKP25" s="61"/>
      <c r="IKQ25" s="61"/>
      <c r="IKR25" s="61"/>
      <c r="IKS25" s="61"/>
      <c r="IKT25" s="62"/>
      <c r="IKU25" s="56"/>
      <c r="IKV25" s="61"/>
      <c r="IKW25" s="61"/>
      <c r="IKX25" s="61"/>
      <c r="IKY25" s="61"/>
      <c r="IKZ25" s="62"/>
      <c r="ILA25" s="56"/>
      <c r="ILB25" s="61"/>
      <c r="ILC25" s="61"/>
      <c r="ILD25" s="61"/>
      <c r="ILE25" s="61"/>
      <c r="ILF25" s="62"/>
      <c r="ILG25" s="56"/>
      <c r="ILH25" s="61"/>
      <c r="ILI25" s="61"/>
      <c r="ILJ25" s="61"/>
      <c r="ILK25" s="61"/>
      <c r="ILL25" s="62"/>
      <c r="ILM25" s="56"/>
      <c r="ILN25" s="61"/>
      <c r="ILO25" s="61"/>
      <c r="ILP25" s="61"/>
      <c r="ILQ25" s="61"/>
      <c r="ILR25" s="62"/>
      <c r="ILS25" s="56"/>
      <c r="ILT25" s="61"/>
      <c r="ILU25" s="61"/>
      <c r="ILV25" s="61"/>
      <c r="ILW25" s="61"/>
      <c r="ILX25" s="62"/>
      <c r="ILY25" s="56"/>
      <c r="ILZ25" s="61"/>
      <c r="IMA25" s="61"/>
      <c r="IMB25" s="61"/>
      <c r="IMC25" s="61"/>
      <c r="IMD25" s="62"/>
      <c r="IME25" s="56"/>
      <c r="IMF25" s="61"/>
      <c r="IMG25" s="61"/>
      <c r="IMH25" s="61"/>
      <c r="IMI25" s="61"/>
      <c r="IMJ25" s="62"/>
      <c r="IMK25" s="56"/>
      <c r="IML25" s="61"/>
      <c r="IMM25" s="61"/>
      <c r="IMN25" s="61"/>
      <c r="IMO25" s="61"/>
      <c r="IMP25" s="62"/>
      <c r="IMQ25" s="56"/>
      <c r="IMR25" s="61"/>
      <c r="IMS25" s="61"/>
      <c r="IMT25" s="61"/>
      <c r="IMU25" s="61"/>
      <c r="IMV25" s="62"/>
      <c r="IMW25" s="56"/>
      <c r="IMX25" s="61"/>
      <c r="IMY25" s="61"/>
      <c r="IMZ25" s="61"/>
      <c r="INA25" s="61"/>
      <c r="INB25" s="62"/>
      <c r="INC25" s="56"/>
      <c r="IND25" s="61"/>
      <c r="INE25" s="61"/>
      <c r="INF25" s="61"/>
      <c r="ING25" s="61"/>
      <c r="INH25" s="62"/>
      <c r="INI25" s="56"/>
      <c r="INJ25" s="61"/>
      <c r="INK25" s="61"/>
      <c r="INL25" s="61"/>
      <c r="INM25" s="61"/>
      <c r="INN25" s="62"/>
      <c r="INO25" s="56"/>
      <c r="INP25" s="61"/>
      <c r="INQ25" s="61"/>
      <c r="INR25" s="61"/>
      <c r="INS25" s="61"/>
      <c r="INT25" s="62"/>
      <c r="INU25" s="56"/>
      <c r="INV25" s="61"/>
      <c r="INW25" s="61"/>
      <c r="INX25" s="61"/>
      <c r="INY25" s="61"/>
      <c r="INZ25" s="62"/>
      <c r="IOA25" s="56"/>
      <c r="IOB25" s="61"/>
      <c r="IOC25" s="61"/>
      <c r="IOD25" s="61"/>
      <c r="IOE25" s="61"/>
      <c r="IOF25" s="62"/>
      <c r="IOG25" s="56"/>
      <c r="IOH25" s="61"/>
      <c r="IOI25" s="61"/>
      <c r="IOJ25" s="61"/>
      <c r="IOK25" s="61"/>
      <c r="IOL25" s="62"/>
      <c r="IOM25" s="56"/>
      <c r="ION25" s="61"/>
      <c r="IOO25" s="61"/>
      <c r="IOP25" s="61"/>
      <c r="IOQ25" s="61"/>
      <c r="IOR25" s="62"/>
      <c r="IOS25" s="56"/>
      <c r="IOT25" s="61"/>
      <c r="IOU25" s="61"/>
      <c r="IOV25" s="61"/>
      <c r="IOW25" s="61"/>
      <c r="IOX25" s="62"/>
      <c r="IOY25" s="56"/>
      <c r="IOZ25" s="61"/>
      <c r="IPA25" s="61"/>
      <c r="IPB25" s="61"/>
      <c r="IPC25" s="61"/>
      <c r="IPD25" s="62"/>
      <c r="IPE25" s="56"/>
      <c r="IPF25" s="61"/>
      <c r="IPG25" s="61"/>
      <c r="IPH25" s="61"/>
      <c r="IPI25" s="61"/>
      <c r="IPJ25" s="62"/>
      <c r="IPK25" s="56"/>
      <c r="IPL25" s="61"/>
      <c r="IPM25" s="61"/>
      <c r="IPN25" s="61"/>
      <c r="IPO25" s="61"/>
      <c r="IPP25" s="62"/>
      <c r="IPQ25" s="56"/>
      <c r="IPR25" s="61"/>
      <c r="IPS25" s="61"/>
      <c r="IPT25" s="61"/>
      <c r="IPU25" s="61"/>
      <c r="IPV25" s="62"/>
      <c r="IPW25" s="56"/>
      <c r="IPX25" s="61"/>
      <c r="IPY25" s="61"/>
      <c r="IPZ25" s="61"/>
      <c r="IQA25" s="61"/>
      <c r="IQB25" s="62"/>
      <c r="IQC25" s="56"/>
      <c r="IQD25" s="61"/>
      <c r="IQE25" s="61"/>
      <c r="IQF25" s="61"/>
      <c r="IQG25" s="61"/>
      <c r="IQH25" s="62"/>
      <c r="IQI25" s="56"/>
      <c r="IQJ25" s="61"/>
      <c r="IQK25" s="61"/>
      <c r="IQL25" s="61"/>
      <c r="IQM25" s="61"/>
      <c r="IQN25" s="62"/>
      <c r="IQO25" s="56"/>
      <c r="IQP25" s="61"/>
      <c r="IQQ25" s="61"/>
      <c r="IQR25" s="61"/>
      <c r="IQS25" s="61"/>
      <c r="IQT25" s="62"/>
      <c r="IQU25" s="56"/>
      <c r="IQV25" s="61"/>
      <c r="IQW25" s="61"/>
      <c r="IQX25" s="61"/>
      <c r="IQY25" s="61"/>
      <c r="IQZ25" s="62"/>
      <c r="IRA25" s="56"/>
      <c r="IRB25" s="61"/>
      <c r="IRC25" s="61"/>
      <c r="IRD25" s="61"/>
      <c r="IRE25" s="61"/>
      <c r="IRF25" s="62"/>
      <c r="IRG25" s="56"/>
      <c r="IRH25" s="61"/>
      <c r="IRI25" s="61"/>
      <c r="IRJ25" s="61"/>
      <c r="IRK25" s="61"/>
      <c r="IRL25" s="62"/>
      <c r="IRM25" s="56"/>
      <c r="IRN25" s="61"/>
      <c r="IRO25" s="61"/>
      <c r="IRP25" s="61"/>
      <c r="IRQ25" s="61"/>
      <c r="IRR25" s="62"/>
      <c r="IRS25" s="56"/>
      <c r="IRT25" s="61"/>
      <c r="IRU25" s="61"/>
      <c r="IRV25" s="61"/>
      <c r="IRW25" s="61"/>
      <c r="IRX25" s="62"/>
      <c r="IRY25" s="56"/>
      <c r="IRZ25" s="61"/>
      <c r="ISA25" s="61"/>
      <c r="ISB25" s="61"/>
      <c r="ISC25" s="61"/>
      <c r="ISD25" s="62"/>
      <c r="ISE25" s="56"/>
      <c r="ISF25" s="61"/>
      <c r="ISG25" s="61"/>
      <c r="ISH25" s="61"/>
      <c r="ISI25" s="61"/>
      <c r="ISJ25" s="62"/>
      <c r="ISK25" s="56"/>
      <c r="ISL25" s="61"/>
      <c r="ISM25" s="61"/>
      <c r="ISN25" s="61"/>
      <c r="ISO25" s="61"/>
      <c r="ISP25" s="62"/>
      <c r="ISQ25" s="56"/>
      <c r="ISR25" s="61"/>
      <c r="ISS25" s="61"/>
      <c r="IST25" s="61"/>
      <c r="ISU25" s="61"/>
      <c r="ISV25" s="62"/>
      <c r="ISW25" s="56"/>
      <c r="ISX25" s="61"/>
      <c r="ISY25" s="61"/>
      <c r="ISZ25" s="61"/>
      <c r="ITA25" s="61"/>
      <c r="ITB25" s="62"/>
      <c r="ITC25" s="56"/>
      <c r="ITD25" s="61"/>
      <c r="ITE25" s="61"/>
      <c r="ITF25" s="61"/>
      <c r="ITG25" s="61"/>
      <c r="ITH25" s="62"/>
      <c r="ITI25" s="56"/>
      <c r="ITJ25" s="61"/>
      <c r="ITK25" s="61"/>
      <c r="ITL25" s="61"/>
      <c r="ITM25" s="61"/>
      <c r="ITN25" s="62"/>
      <c r="ITO25" s="56"/>
      <c r="ITP25" s="61"/>
      <c r="ITQ25" s="61"/>
      <c r="ITR25" s="61"/>
      <c r="ITS25" s="61"/>
      <c r="ITT25" s="62"/>
      <c r="ITU25" s="56"/>
      <c r="ITV25" s="61"/>
      <c r="ITW25" s="61"/>
      <c r="ITX25" s="61"/>
      <c r="ITY25" s="61"/>
      <c r="ITZ25" s="62"/>
      <c r="IUA25" s="56"/>
      <c r="IUB25" s="61"/>
      <c r="IUC25" s="61"/>
      <c r="IUD25" s="61"/>
      <c r="IUE25" s="61"/>
      <c r="IUF25" s="62"/>
      <c r="IUG25" s="56"/>
      <c r="IUH25" s="61"/>
      <c r="IUI25" s="61"/>
      <c r="IUJ25" s="61"/>
      <c r="IUK25" s="61"/>
      <c r="IUL25" s="62"/>
      <c r="IUM25" s="56"/>
      <c r="IUN25" s="61"/>
      <c r="IUO25" s="61"/>
      <c r="IUP25" s="61"/>
      <c r="IUQ25" s="61"/>
      <c r="IUR25" s="62"/>
      <c r="IUS25" s="56"/>
      <c r="IUT25" s="61"/>
      <c r="IUU25" s="61"/>
      <c r="IUV25" s="61"/>
      <c r="IUW25" s="61"/>
      <c r="IUX25" s="62"/>
      <c r="IUY25" s="56"/>
      <c r="IUZ25" s="61"/>
      <c r="IVA25" s="61"/>
      <c r="IVB25" s="61"/>
      <c r="IVC25" s="61"/>
      <c r="IVD25" s="62"/>
      <c r="IVE25" s="56"/>
      <c r="IVF25" s="61"/>
      <c r="IVG25" s="61"/>
      <c r="IVH25" s="61"/>
      <c r="IVI25" s="61"/>
      <c r="IVJ25" s="62"/>
      <c r="IVK25" s="56"/>
      <c r="IVL25" s="61"/>
      <c r="IVM25" s="61"/>
      <c r="IVN25" s="61"/>
      <c r="IVO25" s="61"/>
      <c r="IVP25" s="62"/>
      <c r="IVQ25" s="56"/>
      <c r="IVR25" s="61"/>
      <c r="IVS25" s="61"/>
      <c r="IVT25" s="61"/>
      <c r="IVU25" s="61"/>
      <c r="IVV25" s="62"/>
      <c r="IVW25" s="56"/>
      <c r="IVX25" s="61"/>
      <c r="IVY25" s="61"/>
      <c r="IVZ25" s="61"/>
      <c r="IWA25" s="61"/>
      <c r="IWB25" s="62"/>
      <c r="IWC25" s="56"/>
      <c r="IWD25" s="61"/>
      <c r="IWE25" s="61"/>
      <c r="IWF25" s="61"/>
      <c r="IWG25" s="61"/>
      <c r="IWH25" s="62"/>
      <c r="IWI25" s="56"/>
      <c r="IWJ25" s="61"/>
      <c r="IWK25" s="61"/>
      <c r="IWL25" s="61"/>
      <c r="IWM25" s="61"/>
      <c r="IWN25" s="62"/>
      <c r="IWO25" s="56"/>
      <c r="IWP25" s="61"/>
      <c r="IWQ25" s="61"/>
      <c r="IWR25" s="61"/>
      <c r="IWS25" s="61"/>
      <c r="IWT25" s="62"/>
      <c r="IWU25" s="56"/>
      <c r="IWV25" s="61"/>
      <c r="IWW25" s="61"/>
      <c r="IWX25" s="61"/>
      <c r="IWY25" s="61"/>
      <c r="IWZ25" s="62"/>
      <c r="IXA25" s="56"/>
      <c r="IXB25" s="61"/>
      <c r="IXC25" s="61"/>
      <c r="IXD25" s="61"/>
      <c r="IXE25" s="61"/>
      <c r="IXF25" s="62"/>
      <c r="IXG25" s="56"/>
      <c r="IXH25" s="61"/>
      <c r="IXI25" s="61"/>
      <c r="IXJ25" s="61"/>
      <c r="IXK25" s="61"/>
      <c r="IXL25" s="62"/>
      <c r="IXM25" s="56"/>
      <c r="IXN25" s="61"/>
      <c r="IXO25" s="61"/>
      <c r="IXP25" s="61"/>
      <c r="IXQ25" s="61"/>
      <c r="IXR25" s="62"/>
      <c r="IXS25" s="56"/>
      <c r="IXT25" s="61"/>
      <c r="IXU25" s="61"/>
      <c r="IXV25" s="61"/>
      <c r="IXW25" s="61"/>
      <c r="IXX25" s="62"/>
      <c r="IXY25" s="56"/>
      <c r="IXZ25" s="61"/>
      <c r="IYA25" s="61"/>
      <c r="IYB25" s="61"/>
      <c r="IYC25" s="61"/>
      <c r="IYD25" s="62"/>
      <c r="IYE25" s="56"/>
      <c r="IYF25" s="61"/>
      <c r="IYG25" s="61"/>
      <c r="IYH25" s="61"/>
      <c r="IYI25" s="61"/>
      <c r="IYJ25" s="62"/>
      <c r="IYK25" s="56"/>
      <c r="IYL25" s="61"/>
      <c r="IYM25" s="61"/>
      <c r="IYN25" s="61"/>
      <c r="IYO25" s="61"/>
      <c r="IYP25" s="62"/>
      <c r="IYQ25" s="56"/>
      <c r="IYR25" s="61"/>
      <c r="IYS25" s="61"/>
      <c r="IYT25" s="61"/>
      <c r="IYU25" s="61"/>
      <c r="IYV25" s="62"/>
      <c r="IYW25" s="56"/>
      <c r="IYX25" s="61"/>
      <c r="IYY25" s="61"/>
      <c r="IYZ25" s="61"/>
      <c r="IZA25" s="61"/>
      <c r="IZB25" s="62"/>
      <c r="IZC25" s="56"/>
      <c r="IZD25" s="61"/>
      <c r="IZE25" s="61"/>
      <c r="IZF25" s="61"/>
      <c r="IZG25" s="61"/>
      <c r="IZH25" s="62"/>
      <c r="IZI25" s="56"/>
      <c r="IZJ25" s="61"/>
      <c r="IZK25" s="61"/>
      <c r="IZL25" s="61"/>
      <c r="IZM25" s="61"/>
      <c r="IZN25" s="62"/>
      <c r="IZO25" s="56"/>
      <c r="IZP25" s="61"/>
      <c r="IZQ25" s="61"/>
      <c r="IZR25" s="61"/>
      <c r="IZS25" s="61"/>
      <c r="IZT25" s="62"/>
      <c r="IZU25" s="56"/>
      <c r="IZV25" s="61"/>
      <c r="IZW25" s="61"/>
      <c r="IZX25" s="61"/>
      <c r="IZY25" s="61"/>
      <c r="IZZ25" s="62"/>
      <c r="JAA25" s="56"/>
      <c r="JAB25" s="61"/>
      <c r="JAC25" s="61"/>
      <c r="JAD25" s="61"/>
      <c r="JAE25" s="61"/>
      <c r="JAF25" s="62"/>
      <c r="JAG25" s="56"/>
      <c r="JAH25" s="61"/>
      <c r="JAI25" s="61"/>
      <c r="JAJ25" s="61"/>
      <c r="JAK25" s="61"/>
      <c r="JAL25" s="62"/>
      <c r="JAM25" s="56"/>
      <c r="JAN25" s="61"/>
      <c r="JAO25" s="61"/>
      <c r="JAP25" s="61"/>
      <c r="JAQ25" s="61"/>
      <c r="JAR25" s="62"/>
      <c r="JAS25" s="56"/>
      <c r="JAT25" s="61"/>
      <c r="JAU25" s="61"/>
      <c r="JAV25" s="61"/>
      <c r="JAW25" s="61"/>
      <c r="JAX25" s="62"/>
      <c r="JAY25" s="56"/>
      <c r="JAZ25" s="61"/>
      <c r="JBA25" s="61"/>
      <c r="JBB25" s="61"/>
      <c r="JBC25" s="61"/>
      <c r="JBD25" s="62"/>
      <c r="JBE25" s="56"/>
      <c r="JBF25" s="61"/>
      <c r="JBG25" s="61"/>
      <c r="JBH25" s="61"/>
      <c r="JBI25" s="61"/>
      <c r="JBJ25" s="62"/>
      <c r="JBK25" s="56"/>
      <c r="JBL25" s="61"/>
      <c r="JBM25" s="61"/>
      <c r="JBN25" s="61"/>
      <c r="JBO25" s="61"/>
      <c r="JBP25" s="62"/>
      <c r="JBQ25" s="56"/>
      <c r="JBR25" s="61"/>
      <c r="JBS25" s="61"/>
      <c r="JBT25" s="61"/>
      <c r="JBU25" s="61"/>
      <c r="JBV25" s="62"/>
      <c r="JBW25" s="56"/>
      <c r="JBX25" s="61"/>
      <c r="JBY25" s="61"/>
      <c r="JBZ25" s="61"/>
      <c r="JCA25" s="61"/>
      <c r="JCB25" s="62"/>
      <c r="JCC25" s="56"/>
      <c r="JCD25" s="61"/>
      <c r="JCE25" s="61"/>
      <c r="JCF25" s="61"/>
      <c r="JCG25" s="61"/>
      <c r="JCH25" s="62"/>
      <c r="JCI25" s="56"/>
      <c r="JCJ25" s="61"/>
      <c r="JCK25" s="61"/>
      <c r="JCL25" s="61"/>
      <c r="JCM25" s="61"/>
      <c r="JCN25" s="62"/>
      <c r="JCO25" s="56"/>
      <c r="JCP25" s="61"/>
      <c r="JCQ25" s="61"/>
      <c r="JCR25" s="61"/>
      <c r="JCS25" s="61"/>
      <c r="JCT25" s="62"/>
      <c r="JCU25" s="56"/>
      <c r="JCV25" s="61"/>
      <c r="JCW25" s="61"/>
      <c r="JCX25" s="61"/>
      <c r="JCY25" s="61"/>
      <c r="JCZ25" s="62"/>
      <c r="JDA25" s="56"/>
      <c r="JDB25" s="61"/>
      <c r="JDC25" s="61"/>
      <c r="JDD25" s="61"/>
      <c r="JDE25" s="61"/>
      <c r="JDF25" s="62"/>
      <c r="JDG25" s="56"/>
      <c r="JDH25" s="61"/>
      <c r="JDI25" s="61"/>
      <c r="JDJ25" s="61"/>
      <c r="JDK25" s="61"/>
      <c r="JDL25" s="62"/>
      <c r="JDM25" s="56"/>
      <c r="JDN25" s="61"/>
      <c r="JDO25" s="61"/>
      <c r="JDP25" s="61"/>
      <c r="JDQ25" s="61"/>
      <c r="JDR25" s="62"/>
      <c r="JDS25" s="56"/>
      <c r="JDT25" s="61"/>
      <c r="JDU25" s="61"/>
      <c r="JDV25" s="61"/>
      <c r="JDW25" s="61"/>
      <c r="JDX25" s="62"/>
      <c r="JDY25" s="56"/>
      <c r="JDZ25" s="61"/>
      <c r="JEA25" s="61"/>
      <c r="JEB25" s="61"/>
      <c r="JEC25" s="61"/>
      <c r="JED25" s="62"/>
      <c r="JEE25" s="56"/>
      <c r="JEF25" s="61"/>
      <c r="JEG25" s="61"/>
      <c r="JEH25" s="61"/>
      <c r="JEI25" s="61"/>
      <c r="JEJ25" s="62"/>
      <c r="JEK25" s="56"/>
      <c r="JEL25" s="61"/>
      <c r="JEM25" s="61"/>
      <c r="JEN25" s="61"/>
      <c r="JEO25" s="61"/>
      <c r="JEP25" s="62"/>
      <c r="JEQ25" s="56"/>
      <c r="JER25" s="61"/>
      <c r="JES25" s="61"/>
      <c r="JET25" s="61"/>
      <c r="JEU25" s="61"/>
      <c r="JEV25" s="62"/>
      <c r="JEW25" s="56"/>
      <c r="JEX25" s="61"/>
      <c r="JEY25" s="61"/>
      <c r="JEZ25" s="61"/>
      <c r="JFA25" s="61"/>
      <c r="JFB25" s="62"/>
      <c r="JFC25" s="56"/>
      <c r="JFD25" s="61"/>
      <c r="JFE25" s="61"/>
      <c r="JFF25" s="61"/>
      <c r="JFG25" s="61"/>
      <c r="JFH25" s="62"/>
      <c r="JFI25" s="56"/>
      <c r="JFJ25" s="61"/>
      <c r="JFK25" s="61"/>
      <c r="JFL25" s="61"/>
      <c r="JFM25" s="61"/>
      <c r="JFN25" s="62"/>
      <c r="JFO25" s="56"/>
      <c r="JFP25" s="61"/>
      <c r="JFQ25" s="61"/>
      <c r="JFR25" s="61"/>
      <c r="JFS25" s="61"/>
      <c r="JFT25" s="62"/>
      <c r="JFU25" s="56"/>
      <c r="JFV25" s="61"/>
      <c r="JFW25" s="61"/>
      <c r="JFX25" s="61"/>
      <c r="JFY25" s="61"/>
      <c r="JFZ25" s="62"/>
      <c r="JGA25" s="56"/>
      <c r="JGB25" s="61"/>
      <c r="JGC25" s="61"/>
      <c r="JGD25" s="61"/>
      <c r="JGE25" s="61"/>
      <c r="JGF25" s="62"/>
      <c r="JGG25" s="56"/>
      <c r="JGH25" s="61"/>
      <c r="JGI25" s="61"/>
      <c r="JGJ25" s="61"/>
      <c r="JGK25" s="61"/>
      <c r="JGL25" s="62"/>
      <c r="JGM25" s="56"/>
      <c r="JGN25" s="61"/>
      <c r="JGO25" s="61"/>
      <c r="JGP25" s="61"/>
      <c r="JGQ25" s="61"/>
      <c r="JGR25" s="62"/>
      <c r="JGS25" s="56"/>
      <c r="JGT25" s="61"/>
      <c r="JGU25" s="61"/>
      <c r="JGV25" s="61"/>
      <c r="JGW25" s="61"/>
      <c r="JGX25" s="62"/>
      <c r="JGY25" s="56"/>
      <c r="JGZ25" s="61"/>
      <c r="JHA25" s="61"/>
      <c r="JHB25" s="61"/>
      <c r="JHC25" s="61"/>
      <c r="JHD25" s="62"/>
      <c r="JHE25" s="56"/>
      <c r="JHF25" s="61"/>
      <c r="JHG25" s="61"/>
      <c r="JHH25" s="61"/>
      <c r="JHI25" s="61"/>
      <c r="JHJ25" s="62"/>
      <c r="JHK25" s="56"/>
      <c r="JHL25" s="61"/>
      <c r="JHM25" s="61"/>
      <c r="JHN25" s="61"/>
      <c r="JHO25" s="61"/>
      <c r="JHP25" s="62"/>
      <c r="JHQ25" s="56"/>
      <c r="JHR25" s="61"/>
      <c r="JHS25" s="61"/>
      <c r="JHT25" s="61"/>
      <c r="JHU25" s="61"/>
      <c r="JHV25" s="62"/>
      <c r="JHW25" s="56"/>
      <c r="JHX25" s="61"/>
      <c r="JHY25" s="61"/>
      <c r="JHZ25" s="61"/>
      <c r="JIA25" s="61"/>
      <c r="JIB25" s="62"/>
      <c r="JIC25" s="56"/>
      <c r="JID25" s="61"/>
      <c r="JIE25" s="61"/>
      <c r="JIF25" s="61"/>
      <c r="JIG25" s="61"/>
      <c r="JIH25" s="62"/>
      <c r="JII25" s="56"/>
      <c r="JIJ25" s="61"/>
      <c r="JIK25" s="61"/>
      <c r="JIL25" s="61"/>
      <c r="JIM25" s="61"/>
      <c r="JIN25" s="62"/>
      <c r="JIO25" s="56"/>
      <c r="JIP25" s="61"/>
      <c r="JIQ25" s="61"/>
      <c r="JIR25" s="61"/>
      <c r="JIS25" s="61"/>
      <c r="JIT25" s="62"/>
      <c r="JIU25" s="56"/>
      <c r="JIV25" s="61"/>
      <c r="JIW25" s="61"/>
      <c r="JIX25" s="61"/>
      <c r="JIY25" s="61"/>
      <c r="JIZ25" s="62"/>
      <c r="JJA25" s="56"/>
      <c r="JJB25" s="61"/>
      <c r="JJC25" s="61"/>
      <c r="JJD25" s="61"/>
      <c r="JJE25" s="61"/>
      <c r="JJF25" s="62"/>
      <c r="JJG25" s="56"/>
      <c r="JJH25" s="61"/>
      <c r="JJI25" s="61"/>
      <c r="JJJ25" s="61"/>
      <c r="JJK25" s="61"/>
      <c r="JJL25" s="62"/>
      <c r="JJM25" s="56"/>
      <c r="JJN25" s="61"/>
      <c r="JJO25" s="61"/>
      <c r="JJP25" s="61"/>
      <c r="JJQ25" s="61"/>
      <c r="JJR25" s="62"/>
      <c r="JJS25" s="56"/>
      <c r="JJT25" s="61"/>
      <c r="JJU25" s="61"/>
      <c r="JJV25" s="61"/>
      <c r="JJW25" s="61"/>
      <c r="JJX25" s="62"/>
      <c r="JJY25" s="56"/>
      <c r="JJZ25" s="61"/>
      <c r="JKA25" s="61"/>
      <c r="JKB25" s="61"/>
      <c r="JKC25" s="61"/>
      <c r="JKD25" s="62"/>
      <c r="JKE25" s="56"/>
      <c r="JKF25" s="61"/>
      <c r="JKG25" s="61"/>
      <c r="JKH25" s="61"/>
      <c r="JKI25" s="61"/>
      <c r="JKJ25" s="62"/>
      <c r="JKK25" s="56"/>
      <c r="JKL25" s="61"/>
      <c r="JKM25" s="61"/>
      <c r="JKN25" s="61"/>
      <c r="JKO25" s="61"/>
      <c r="JKP25" s="62"/>
      <c r="JKQ25" s="56"/>
      <c r="JKR25" s="61"/>
      <c r="JKS25" s="61"/>
      <c r="JKT25" s="61"/>
      <c r="JKU25" s="61"/>
      <c r="JKV25" s="62"/>
      <c r="JKW25" s="56"/>
      <c r="JKX25" s="61"/>
      <c r="JKY25" s="61"/>
      <c r="JKZ25" s="61"/>
      <c r="JLA25" s="61"/>
      <c r="JLB25" s="62"/>
      <c r="JLC25" s="56"/>
      <c r="JLD25" s="61"/>
      <c r="JLE25" s="61"/>
      <c r="JLF25" s="61"/>
      <c r="JLG25" s="61"/>
      <c r="JLH25" s="62"/>
      <c r="JLI25" s="56"/>
      <c r="JLJ25" s="61"/>
      <c r="JLK25" s="61"/>
      <c r="JLL25" s="61"/>
      <c r="JLM25" s="61"/>
      <c r="JLN25" s="62"/>
      <c r="JLO25" s="56"/>
      <c r="JLP25" s="61"/>
      <c r="JLQ25" s="61"/>
      <c r="JLR25" s="61"/>
      <c r="JLS25" s="61"/>
      <c r="JLT25" s="62"/>
      <c r="JLU25" s="56"/>
      <c r="JLV25" s="61"/>
      <c r="JLW25" s="61"/>
      <c r="JLX25" s="61"/>
      <c r="JLY25" s="61"/>
      <c r="JLZ25" s="62"/>
      <c r="JMA25" s="56"/>
      <c r="JMB25" s="61"/>
      <c r="JMC25" s="61"/>
      <c r="JMD25" s="61"/>
      <c r="JME25" s="61"/>
      <c r="JMF25" s="62"/>
      <c r="JMG25" s="56"/>
      <c r="JMH25" s="61"/>
      <c r="JMI25" s="61"/>
      <c r="JMJ25" s="61"/>
      <c r="JMK25" s="61"/>
      <c r="JML25" s="62"/>
      <c r="JMM25" s="56"/>
      <c r="JMN25" s="61"/>
      <c r="JMO25" s="61"/>
      <c r="JMP25" s="61"/>
      <c r="JMQ25" s="61"/>
      <c r="JMR25" s="62"/>
      <c r="JMS25" s="56"/>
      <c r="JMT25" s="61"/>
      <c r="JMU25" s="61"/>
      <c r="JMV25" s="61"/>
      <c r="JMW25" s="61"/>
      <c r="JMX25" s="62"/>
      <c r="JMY25" s="56"/>
      <c r="JMZ25" s="61"/>
      <c r="JNA25" s="61"/>
      <c r="JNB25" s="61"/>
      <c r="JNC25" s="61"/>
      <c r="JND25" s="62"/>
      <c r="JNE25" s="56"/>
      <c r="JNF25" s="61"/>
      <c r="JNG25" s="61"/>
      <c r="JNH25" s="61"/>
      <c r="JNI25" s="61"/>
      <c r="JNJ25" s="62"/>
      <c r="JNK25" s="56"/>
      <c r="JNL25" s="61"/>
      <c r="JNM25" s="61"/>
      <c r="JNN25" s="61"/>
      <c r="JNO25" s="61"/>
      <c r="JNP25" s="62"/>
      <c r="JNQ25" s="56"/>
      <c r="JNR25" s="61"/>
      <c r="JNS25" s="61"/>
      <c r="JNT25" s="61"/>
      <c r="JNU25" s="61"/>
      <c r="JNV25" s="62"/>
      <c r="JNW25" s="56"/>
      <c r="JNX25" s="61"/>
      <c r="JNY25" s="61"/>
      <c r="JNZ25" s="61"/>
      <c r="JOA25" s="61"/>
      <c r="JOB25" s="62"/>
      <c r="JOC25" s="56"/>
      <c r="JOD25" s="61"/>
      <c r="JOE25" s="61"/>
      <c r="JOF25" s="61"/>
      <c r="JOG25" s="61"/>
      <c r="JOH25" s="62"/>
      <c r="JOI25" s="56"/>
      <c r="JOJ25" s="61"/>
      <c r="JOK25" s="61"/>
      <c r="JOL25" s="61"/>
      <c r="JOM25" s="61"/>
      <c r="JON25" s="62"/>
      <c r="JOO25" s="56"/>
      <c r="JOP25" s="61"/>
      <c r="JOQ25" s="61"/>
      <c r="JOR25" s="61"/>
      <c r="JOS25" s="61"/>
      <c r="JOT25" s="62"/>
      <c r="JOU25" s="56"/>
      <c r="JOV25" s="61"/>
      <c r="JOW25" s="61"/>
      <c r="JOX25" s="61"/>
      <c r="JOY25" s="61"/>
      <c r="JOZ25" s="62"/>
      <c r="JPA25" s="56"/>
      <c r="JPB25" s="61"/>
      <c r="JPC25" s="61"/>
      <c r="JPD25" s="61"/>
      <c r="JPE25" s="61"/>
      <c r="JPF25" s="62"/>
      <c r="JPG25" s="56"/>
      <c r="JPH25" s="61"/>
      <c r="JPI25" s="61"/>
      <c r="JPJ25" s="61"/>
      <c r="JPK25" s="61"/>
      <c r="JPL25" s="62"/>
      <c r="JPM25" s="56"/>
      <c r="JPN25" s="61"/>
      <c r="JPO25" s="61"/>
      <c r="JPP25" s="61"/>
      <c r="JPQ25" s="61"/>
      <c r="JPR25" s="62"/>
      <c r="JPS25" s="56"/>
      <c r="JPT25" s="61"/>
      <c r="JPU25" s="61"/>
      <c r="JPV25" s="61"/>
      <c r="JPW25" s="61"/>
      <c r="JPX25" s="62"/>
      <c r="JPY25" s="56"/>
      <c r="JPZ25" s="61"/>
      <c r="JQA25" s="61"/>
      <c r="JQB25" s="61"/>
      <c r="JQC25" s="61"/>
      <c r="JQD25" s="62"/>
      <c r="JQE25" s="56"/>
      <c r="JQF25" s="61"/>
      <c r="JQG25" s="61"/>
      <c r="JQH25" s="61"/>
      <c r="JQI25" s="61"/>
      <c r="JQJ25" s="62"/>
      <c r="JQK25" s="56"/>
      <c r="JQL25" s="61"/>
      <c r="JQM25" s="61"/>
      <c r="JQN25" s="61"/>
      <c r="JQO25" s="61"/>
      <c r="JQP25" s="62"/>
      <c r="JQQ25" s="56"/>
      <c r="JQR25" s="61"/>
      <c r="JQS25" s="61"/>
      <c r="JQT25" s="61"/>
      <c r="JQU25" s="61"/>
      <c r="JQV25" s="62"/>
      <c r="JQW25" s="56"/>
      <c r="JQX25" s="61"/>
      <c r="JQY25" s="61"/>
      <c r="JQZ25" s="61"/>
      <c r="JRA25" s="61"/>
      <c r="JRB25" s="62"/>
      <c r="JRC25" s="56"/>
      <c r="JRD25" s="61"/>
      <c r="JRE25" s="61"/>
      <c r="JRF25" s="61"/>
      <c r="JRG25" s="61"/>
      <c r="JRH25" s="62"/>
      <c r="JRI25" s="56"/>
      <c r="JRJ25" s="61"/>
      <c r="JRK25" s="61"/>
      <c r="JRL25" s="61"/>
      <c r="JRM25" s="61"/>
      <c r="JRN25" s="62"/>
      <c r="JRO25" s="56"/>
      <c r="JRP25" s="61"/>
      <c r="JRQ25" s="61"/>
      <c r="JRR25" s="61"/>
      <c r="JRS25" s="61"/>
      <c r="JRT25" s="62"/>
      <c r="JRU25" s="56"/>
      <c r="JRV25" s="61"/>
      <c r="JRW25" s="61"/>
      <c r="JRX25" s="61"/>
      <c r="JRY25" s="61"/>
      <c r="JRZ25" s="62"/>
      <c r="JSA25" s="56"/>
      <c r="JSB25" s="61"/>
      <c r="JSC25" s="61"/>
      <c r="JSD25" s="61"/>
      <c r="JSE25" s="61"/>
      <c r="JSF25" s="62"/>
      <c r="JSG25" s="56"/>
      <c r="JSH25" s="61"/>
      <c r="JSI25" s="61"/>
      <c r="JSJ25" s="61"/>
      <c r="JSK25" s="61"/>
      <c r="JSL25" s="62"/>
      <c r="JSM25" s="56"/>
      <c r="JSN25" s="61"/>
      <c r="JSO25" s="61"/>
      <c r="JSP25" s="61"/>
      <c r="JSQ25" s="61"/>
      <c r="JSR25" s="62"/>
      <c r="JSS25" s="56"/>
      <c r="JST25" s="61"/>
      <c r="JSU25" s="61"/>
      <c r="JSV25" s="61"/>
      <c r="JSW25" s="61"/>
      <c r="JSX25" s="62"/>
      <c r="JSY25" s="56"/>
      <c r="JSZ25" s="61"/>
      <c r="JTA25" s="61"/>
      <c r="JTB25" s="61"/>
      <c r="JTC25" s="61"/>
      <c r="JTD25" s="62"/>
      <c r="JTE25" s="56"/>
      <c r="JTF25" s="61"/>
      <c r="JTG25" s="61"/>
      <c r="JTH25" s="61"/>
      <c r="JTI25" s="61"/>
      <c r="JTJ25" s="62"/>
      <c r="JTK25" s="56"/>
      <c r="JTL25" s="61"/>
      <c r="JTM25" s="61"/>
      <c r="JTN25" s="61"/>
      <c r="JTO25" s="61"/>
      <c r="JTP25" s="62"/>
      <c r="JTQ25" s="56"/>
      <c r="JTR25" s="61"/>
      <c r="JTS25" s="61"/>
      <c r="JTT25" s="61"/>
      <c r="JTU25" s="61"/>
      <c r="JTV25" s="62"/>
      <c r="JTW25" s="56"/>
      <c r="JTX25" s="61"/>
      <c r="JTY25" s="61"/>
      <c r="JTZ25" s="61"/>
      <c r="JUA25" s="61"/>
      <c r="JUB25" s="62"/>
      <c r="JUC25" s="56"/>
      <c r="JUD25" s="61"/>
      <c r="JUE25" s="61"/>
      <c r="JUF25" s="61"/>
      <c r="JUG25" s="61"/>
      <c r="JUH25" s="62"/>
      <c r="JUI25" s="56"/>
      <c r="JUJ25" s="61"/>
      <c r="JUK25" s="61"/>
      <c r="JUL25" s="61"/>
      <c r="JUM25" s="61"/>
      <c r="JUN25" s="62"/>
      <c r="JUO25" s="56"/>
      <c r="JUP25" s="61"/>
      <c r="JUQ25" s="61"/>
      <c r="JUR25" s="61"/>
      <c r="JUS25" s="61"/>
      <c r="JUT25" s="62"/>
      <c r="JUU25" s="56"/>
      <c r="JUV25" s="61"/>
      <c r="JUW25" s="61"/>
      <c r="JUX25" s="61"/>
      <c r="JUY25" s="61"/>
      <c r="JUZ25" s="62"/>
      <c r="JVA25" s="56"/>
      <c r="JVB25" s="61"/>
      <c r="JVC25" s="61"/>
      <c r="JVD25" s="61"/>
      <c r="JVE25" s="61"/>
      <c r="JVF25" s="62"/>
      <c r="JVG25" s="56"/>
      <c r="JVH25" s="61"/>
      <c r="JVI25" s="61"/>
      <c r="JVJ25" s="61"/>
      <c r="JVK25" s="61"/>
      <c r="JVL25" s="62"/>
      <c r="JVM25" s="56"/>
      <c r="JVN25" s="61"/>
      <c r="JVO25" s="61"/>
      <c r="JVP25" s="61"/>
      <c r="JVQ25" s="61"/>
      <c r="JVR25" s="62"/>
      <c r="JVS25" s="56"/>
      <c r="JVT25" s="61"/>
      <c r="JVU25" s="61"/>
      <c r="JVV25" s="61"/>
      <c r="JVW25" s="61"/>
      <c r="JVX25" s="62"/>
      <c r="JVY25" s="56"/>
      <c r="JVZ25" s="61"/>
      <c r="JWA25" s="61"/>
      <c r="JWB25" s="61"/>
      <c r="JWC25" s="61"/>
      <c r="JWD25" s="62"/>
      <c r="JWE25" s="56"/>
      <c r="JWF25" s="61"/>
      <c r="JWG25" s="61"/>
      <c r="JWH25" s="61"/>
      <c r="JWI25" s="61"/>
      <c r="JWJ25" s="62"/>
      <c r="JWK25" s="56"/>
      <c r="JWL25" s="61"/>
      <c r="JWM25" s="61"/>
      <c r="JWN25" s="61"/>
      <c r="JWO25" s="61"/>
      <c r="JWP25" s="62"/>
      <c r="JWQ25" s="56"/>
      <c r="JWR25" s="61"/>
      <c r="JWS25" s="61"/>
      <c r="JWT25" s="61"/>
      <c r="JWU25" s="61"/>
      <c r="JWV25" s="62"/>
      <c r="JWW25" s="56"/>
      <c r="JWX25" s="61"/>
      <c r="JWY25" s="61"/>
      <c r="JWZ25" s="61"/>
      <c r="JXA25" s="61"/>
      <c r="JXB25" s="62"/>
      <c r="JXC25" s="56"/>
      <c r="JXD25" s="61"/>
      <c r="JXE25" s="61"/>
      <c r="JXF25" s="61"/>
      <c r="JXG25" s="61"/>
      <c r="JXH25" s="62"/>
      <c r="JXI25" s="56"/>
      <c r="JXJ25" s="61"/>
      <c r="JXK25" s="61"/>
      <c r="JXL25" s="61"/>
      <c r="JXM25" s="61"/>
      <c r="JXN25" s="62"/>
      <c r="JXO25" s="56"/>
      <c r="JXP25" s="61"/>
      <c r="JXQ25" s="61"/>
      <c r="JXR25" s="61"/>
      <c r="JXS25" s="61"/>
      <c r="JXT25" s="62"/>
      <c r="JXU25" s="56"/>
      <c r="JXV25" s="61"/>
      <c r="JXW25" s="61"/>
      <c r="JXX25" s="61"/>
      <c r="JXY25" s="61"/>
      <c r="JXZ25" s="62"/>
      <c r="JYA25" s="56"/>
      <c r="JYB25" s="61"/>
      <c r="JYC25" s="61"/>
      <c r="JYD25" s="61"/>
      <c r="JYE25" s="61"/>
      <c r="JYF25" s="62"/>
      <c r="JYG25" s="56"/>
      <c r="JYH25" s="61"/>
      <c r="JYI25" s="61"/>
      <c r="JYJ25" s="61"/>
      <c r="JYK25" s="61"/>
      <c r="JYL25" s="62"/>
      <c r="JYM25" s="56"/>
      <c r="JYN25" s="61"/>
      <c r="JYO25" s="61"/>
      <c r="JYP25" s="61"/>
      <c r="JYQ25" s="61"/>
      <c r="JYR25" s="62"/>
      <c r="JYS25" s="56"/>
      <c r="JYT25" s="61"/>
      <c r="JYU25" s="61"/>
      <c r="JYV25" s="61"/>
      <c r="JYW25" s="61"/>
      <c r="JYX25" s="62"/>
      <c r="JYY25" s="56"/>
      <c r="JYZ25" s="61"/>
      <c r="JZA25" s="61"/>
      <c r="JZB25" s="61"/>
      <c r="JZC25" s="61"/>
      <c r="JZD25" s="62"/>
      <c r="JZE25" s="56"/>
      <c r="JZF25" s="61"/>
      <c r="JZG25" s="61"/>
      <c r="JZH25" s="61"/>
      <c r="JZI25" s="61"/>
      <c r="JZJ25" s="62"/>
      <c r="JZK25" s="56"/>
      <c r="JZL25" s="61"/>
      <c r="JZM25" s="61"/>
      <c r="JZN25" s="61"/>
      <c r="JZO25" s="61"/>
      <c r="JZP25" s="62"/>
      <c r="JZQ25" s="56"/>
      <c r="JZR25" s="61"/>
      <c r="JZS25" s="61"/>
      <c r="JZT25" s="61"/>
      <c r="JZU25" s="61"/>
      <c r="JZV25" s="62"/>
      <c r="JZW25" s="56"/>
      <c r="JZX25" s="61"/>
      <c r="JZY25" s="61"/>
      <c r="JZZ25" s="61"/>
      <c r="KAA25" s="61"/>
      <c r="KAB25" s="62"/>
      <c r="KAC25" s="56"/>
      <c r="KAD25" s="61"/>
      <c r="KAE25" s="61"/>
      <c r="KAF25" s="61"/>
      <c r="KAG25" s="61"/>
      <c r="KAH25" s="62"/>
      <c r="KAI25" s="56"/>
      <c r="KAJ25" s="61"/>
      <c r="KAK25" s="61"/>
      <c r="KAL25" s="61"/>
      <c r="KAM25" s="61"/>
      <c r="KAN25" s="62"/>
      <c r="KAO25" s="56"/>
      <c r="KAP25" s="61"/>
      <c r="KAQ25" s="61"/>
      <c r="KAR25" s="61"/>
      <c r="KAS25" s="61"/>
      <c r="KAT25" s="62"/>
      <c r="KAU25" s="56"/>
      <c r="KAV25" s="61"/>
      <c r="KAW25" s="61"/>
      <c r="KAX25" s="61"/>
      <c r="KAY25" s="61"/>
      <c r="KAZ25" s="62"/>
      <c r="KBA25" s="56"/>
      <c r="KBB25" s="61"/>
      <c r="KBC25" s="61"/>
      <c r="KBD25" s="61"/>
      <c r="KBE25" s="61"/>
      <c r="KBF25" s="62"/>
      <c r="KBG25" s="56"/>
      <c r="KBH25" s="61"/>
      <c r="KBI25" s="61"/>
      <c r="KBJ25" s="61"/>
      <c r="KBK25" s="61"/>
      <c r="KBL25" s="62"/>
      <c r="KBM25" s="56"/>
      <c r="KBN25" s="61"/>
      <c r="KBO25" s="61"/>
      <c r="KBP25" s="61"/>
      <c r="KBQ25" s="61"/>
      <c r="KBR25" s="62"/>
      <c r="KBS25" s="56"/>
      <c r="KBT25" s="61"/>
      <c r="KBU25" s="61"/>
      <c r="KBV25" s="61"/>
      <c r="KBW25" s="61"/>
      <c r="KBX25" s="62"/>
      <c r="KBY25" s="56"/>
      <c r="KBZ25" s="61"/>
      <c r="KCA25" s="61"/>
      <c r="KCB25" s="61"/>
      <c r="KCC25" s="61"/>
      <c r="KCD25" s="62"/>
      <c r="KCE25" s="56"/>
      <c r="KCF25" s="61"/>
      <c r="KCG25" s="61"/>
      <c r="KCH25" s="61"/>
      <c r="KCI25" s="61"/>
      <c r="KCJ25" s="62"/>
      <c r="KCK25" s="56"/>
      <c r="KCL25" s="61"/>
      <c r="KCM25" s="61"/>
      <c r="KCN25" s="61"/>
      <c r="KCO25" s="61"/>
      <c r="KCP25" s="62"/>
      <c r="KCQ25" s="56"/>
      <c r="KCR25" s="61"/>
      <c r="KCS25" s="61"/>
      <c r="KCT25" s="61"/>
      <c r="KCU25" s="61"/>
      <c r="KCV25" s="62"/>
      <c r="KCW25" s="56"/>
      <c r="KCX25" s="61"/>
      <c r="KCY25" s="61"/>
      <c r="KCZ25" s="61"/>
      <c r="KDA25" s="61"/>
      <c r="KDB25" s="62"/>
      <c r="KDC25" s="56"/>
      <c r="KDD25" s="61"/>
      <c r="KDE25" s="61"/>
      <c r="KDF25" s="61"/>
      <c r="KDG25" s="61"/>
      <c r="KDH25" s="62"/>
      <c r="KDI25" s="56"/>
      <c r="KDJ25" s="61"/>
      <c r="KDK25" s="61"/>
      <c r="KDL25" s="61"/>
      <c r="KDM25" s="61"/>
      <c r="KDN25" s="62"/>
      <c r="KDO25" s="56"/>
      <c r="KDP25" s="61"/>
      <c r="KDQ25" s="61"/>
      <c r="KDR25" s="61"/>
      <c r="KDS25" s="61"/>
      <c r="KDT25" s="62"/>
      <c r="KDU25" s="56"/>
      <c r="KDV25" s="61"/>
      <c r="KDW25" s="61"/>
      <c r="KDX25" s="61"/>
      <c r="KDY25" s="61"/>
      <c r="KDZ25" s="62"/>
      <c r="KEA25" s="56"/>
      <c r="KEB25" s="61"/>
      <c r="KEC25" s="61"/>
      <c r="KED25" s="61"/>
      <c r="KEE25" s="61"/>
      <c r="KEF25" s="62"/>
      <c r="KEG25" s="56"/>
      <c r="KEH25" s="61"/>
      <c r="KEI25" s="61"/>
      <c r="KEJ25" s="61"/>
      <c r="KEK25" s="61"/>
      <c r="KEL25" s="62"/>
      <c r="KEM25" s="56"/>
      <c r="KEN25" s="61"/>
      <c r="KEO25" s="61"/>
      <c r="KEP25" s="61"/>
      <c r="KEQ25" s="61"/>
      <c r="KER25" s="62"/>
      <c r="KES25" s="56"/>
      <c r="KET25" s="61"/>
      <c r="KEU25" s="61"/>
      <c r="KEV25" s="61"/>
      <c r="KEW25" s="61"/>
      <c r="KEX25" s="62"/>
      <c r="KEY25" s="56"/>
      <c r="KEZ25" s="61"/>
      <c r="KFA25" s="61"/>
      <c r="KFB25" s="61"/>
      <c r="KFC25" s="61"/>
      <c r="KFD25" s="62"/>
      <c r="KFE25" s="56"/>
      <c r="KFF25" s="61"/>
      <c r="KFG25" s="61"/>
      <c r="KFH25" s="61"/>
      <c r="KFI25" s="61"/>
      <c r="KFJ25" s="62"/>
      <c r="KFK25" s="56"/>
      <c r="KFL25" s="61"/>
      <c r="KFM25" s="61"/>
      <c r="KFN25" s="61"/>
      <c r="KFO25" s="61"/>
      <c r="KFP25" s="62"/>
      <c r="KFQ25" s="56"/>
      <c r="KFR25" s="61"/>
      <c r="KFS25" s="61"/>
      <c r="KFT25" s="61"/>
      <c r="KFU25" s="61"/>
      <c r="KFV25" s="62"/>
      <c r="KFW25" s="56"/>
      <c r="KFX25" s="61"/>
      <c r="KFY25" s="61"/>
      <c r="KFZ25" s="61"/>
      <c r="KGA25" s="61"/>
      <c r="KGB25" s="62"/>
      <c r="KGC25" s="56"/>
      <c r="KGD25" s="61"/>
      <c r="KGE25" s="61"/>
      <c r="KGF25" s="61"/>
      <c r="KGG25" s="61"/>
      <c r="KGH25" s="62"/>
      <c r="KGI25" s="56"/>
      <c r="KGJ25" s="61"/>
      <c r="KGK25" s="61"/>
      <c r="KGL25" s="61"/>
      <c r="KGM25" s="61"/>
      <c r="KGN25" s="62"/>
      <c r="KGO25" s="56"/>
      <c r="KGP25" s="61"/>
      <c r="KGQ25" s="61"/>
      <c r="KGR25" s="61"/>
      <c r="KGS25" s="61"/>
      <c r="KGT25" s="62"/>
      <c r="KGU25" s="56"/>
      <c r="KGV25" s="61"/>
      <c r="KGW25" s="61"/>
      <c r="KGX25" s="61"/>
      <c r="KGY25" s="61"/>
      <c r="KGZ25" s="62"/>
      <c r="KHA25" s="56"/>
      <c r="KHB25" s="61"/>
      <c r="KHC25" s="61"/>
      <c r="KHD25" s="61"/>
      <c r="KHE25" s="61"/>
      <c r="KHF25" s="62"/>
      <c r="KHG25" s="56"/>
      <c r="KHH25" s="61"/>
      <c r="KHI25" s="61"/>
      <c r="KHJ25" s="61"/>
      <c r="KHK25" s="61"/>
      <c r="KHL25" s="62"/>
      <c r="KHM25" s="56"/>
      <c r="KHN25" s="61"/>
      <c r="KHO25" s="61"/>
      <c r="KHP25" s="61"/>
      <c r="KHQ25" s="61"/>
      <c r="KHR25" s="62"/>
      <c r="KHS25" s="56"/>
      <c r="KHT25" s="61"/>
      <c r="KHU25" s="61"/>
      <c r="KHV25" s="61"/>
      <c r="KHW25" s="61"/>
      <c r="KHX25" s="62"/>
      <c r="KHY25" s="56"/>
      <c r="KHZ25" s="61"/>
      <c r="KIA25" s="61"/>
      <c r="KIB25" s="61"/>
      <c r="KIC25" s="61"/>
      <c r="KID25" s="62"/>
      <c r="KIE25" s="56"/>
      <c r="KIF25" s="61"/>
      <c r="KIG25" s="61"/>
      <c r="KIH25" s="61"/>
      <c r="KII25" s="61"/>
      <c r="KIJ25" s="62"/>
      <c r="KIK25" s="56"/>
      <c r="KIL25" s="61"/>
      <c r="KIM25" s="61"/>
      <c r="KIN25" s="61"/>
      <c r="KIO25" s="61"/>
      <c r="KIP25" s="62"/>
      <c r="KIQ25" s="56"/>
      <c r="KIR25" s="61"/>
      <c r="KIS25" s="61"/>
      <c r="KIT25" s="61"/>
      <c r="KIU25" s="61"/>
      <c r="KIV25" s="62"/>
      <c r="KIW25" s="56"/>
      <c r="KIX25" s="61"/>
      <c r="KIY25" s="61"/>
      <c r="KIZ25" s="61"/>
      <c r="KJA25" s="61"/>
      <c r="KJB25" s="62"/>
      <c r="KJC25" s="56"/>
      <c r="KJD25" s="61"/>
      <c r="KJE25" s="61"/>
      <c r="KJF25" s="61"/>
      <c r="KJG25" s="61"/>
      <c r="KJH25" s="62"/>
      <c r="KJI25" s="56"/>
      <c r="KJJ25" s="61"/>
      <c r="KJK25" s="61"/>
      <c r="KJL25" s="61"/>
      <c r="KJM25" s="61"/>
      <c r="KJN25" s="62"/>
      <c r="KJO25" s="56"/>
      <c r="KJP25" s="61"/>
      <c r="KJQ25" s="61"/>
      <c r="KJR25" s="61"/>
      <c r="KJS25" s="61"/>
      <c r="KJT25" s="62"/>
      <c r="KJU25" s="56"/>
      <c r="KJV25" s="61"/>
      <c r="KJW25" s="61"/>
      <c r="KJX25" s="61"/>
      <c r="KJY25" s="61"/>
      <c r="KJZ25" s="62"/>
      <c r="KKA25" s="56"/>
      <c r="KKB25" s="61"/>
      <c r="KKC25" s="61"/>
      <c r="KKD25" s="61"/>
      <c r="KKE25" s="61"/>
      <c r="KKF25" s="62"/>
      <c r="KKG25" s="56"/>
      <c r="KKH25" s="61"/>
      <c r="KKI25" s="61"/>
      <c r="KKJ25" s="61"/>
      <c r="KKK25" s="61"/>
      <c r="KKL25" s="62"/>
      <c r="KKM25" s="56"/>
      <c r="KKN25" s="61"/>
      <c r="KKO25" s="61"/>
      <c r="KKP25" s="61"/>
      <c r="KKQ25" s="61"/>
      <c r="KKR25" s="62"/>
      <c r="KKS25" s="56"/>
      <c r="KKT25" s="61"/>
      <c r="KKU25" s="61"/>
      <c r="KKV25" s="61"/>
      <c r="KKW25" s="61"/>
      <c r="KKX25" s="62"/>
      <c r="KKY25" s="56"/>
      <c r="KKZ25" s="61"/>
      <c r="KLA25" s="61"/>
      <c r="KLB25" s="61"/>
      <c r="KLC25" s="61"/>
      <c r="KLD25" s="62"/>
      <c r="KLE25" s="56"/>
      <c r="KLF25" s="61"/>
      <c r="KLG25" s="61"/>
      <c r="KLH25" s="61"/>
      <c r="KLI25" s="61"/>
      <c r="KLJ25" s="62"/>
      <c r="KLK25" s="56"/>
      <c r="KLL25" s="61"/>
      <c r="KLM25" s="61"/>
      <c r="KLN25" s="61"/>
      <c r="KLO25" s="61"/>
      <c r="KLP25" s="62"/>
      <c r="KLQ25" s="56"/>
      <c r="KLR25" s="61"/>
      <c r="KLS25" s="61"/>
      <c r="KLT25" s="61"/>
      <c r="KLU25" s="61"/>
      <c r="KLV25" s="62"/>
      <c r="KLW25" s="56"/>
      <c r="KLX25" s="61"/>
      <c r="KLY25" s="61"/>
      <c r="KLZ25" s="61"/>
      <c r="KMA25" s="61"/>
      <c r="KMB25" s="62"/>
      <c r="KMC25" s="56"/>
      <c r="KMD25" s="61"/>
      <c r="KME25" s="61"/>
      <c r="KMF25" s="61"/>
      <c r="KMG25" s="61"/>
      <c r="KMH25" s="62"/>
      <c r="KMI25" s="56"/>
      <c r="KMJ25" s="61"/>
      <c r="KMK25" s="61"/>
      <c r="KML25" s="61"/>
      <c r="KMM25" s="61"/>
      <c r="KMN25" s="62"/>
      <c r="KMO25" s="56"/>
      <c r="KMP25" s="61"/>
      <c r="KMQ25" s="61"/>
      <c r="KMR25" s="61"/>
      <c r="KMS25" s="61"/>
      <c r="KMT25" s="62"/>
      <c r="KMU25" s="56"/>
      <c r="KMV25" s="61"/>
      <c r="KMW25" s="61"/>
      <c r="KMX25" s="61"/>
      <c r="KMY25" s="61"/>
      <c r="KMZ25" s="62"/>
      <c r="KNA25" s="56"/>
      <c r="KNB25" s="61"/>
      <c r="KNC25" s="61"/>
      <c r="KND25" s="61"/>
      <c r="KNE25" s="61"/>
      <c r="KNF25" s="62"/>
      <c r="KNG25" s="56"/>
      <c r="KNH25" s="61"/>
      <c r="KNI25" s="61"/>
      <c r="KNJ25" s="61"/>
      <c r="KNK25" s="61"/>
      <c r="KNL25" s="62"/>
      <c r="KNM25" s="56"/>
      <c r="KNN25" s="61"/>
      <c r="KNO25" s="61"/>
      <c r="KNP25" s="61"/>
      <c r="KNQ25" s="61"/>
      <c r="KNR25" s="62"/>
      <c r="KNS25" s="56"/>
      <c r="KNT25" s="61"/>
      <c r="KNU25" s="61"/>
      <c r="KNV25" s="61"/>
      <c r="KNW25" s="61"/>
      <c r="KNX25" s="62"/>
      <c r="KNY25" s="56"/>
      <c r="KNZ25" s="61"/>
      <c r="KOA25" s="61"/>
      <c r="KOB25" s="61"/>
      <c r="KOC25" s="61"/>
      <c r="KOD25" s="62"/>
      <c r="KOE25" s="56"/>
      <c r="KOF25" s="61"/>
      <c r="KOG25" s="61"/>
      <c r="KOH25" s="61"/>
      <c r="KOI25" s="61"/>
      <c r="KOJ25" s="62"/>
      <c r="KOK25" s="56"/>
      <c r="KOL25" s="61"/>
      <c r="KOM25" s="61"/>
      <c r="KON25" s="61"/>
      <c r="KOO25" s="61"/>
      <c r="KOP25" s="62"/>
      <c r="KOQ25" s="56"/>
      <c r="KOR25" s="61"/>
      <c r="KOS25" s="61"/>
      <c r="KOT25" s="61"/>
      <c r="KOU25" s="61"/>
      <c r="KOV25" s="62"/>
      <c r="KOW25" s="56"/>
      <c r="KOX25" s="61"/>
      <c r="KOY25" s="61"/>
      <c r="KOZ25" s="61"/>
      <c r="KPA25" s="61"/>
      <c r="KPB25" s="62"/>
      <c r="KPC25" s="56"/>
      <c r="KPD25" s="61"/>
      <c r="KPE25" s="61"/>
      <c r="KPF25" s="61"/>
      <c r="KPG25" s="61"/>
      <c r="KPH25" s="62"/>
      <c r="KPI25" s="56"/>
      <c r="KPJ25" s="61"/>
      <c r="KPK25" s="61"/>
      <c r="KPL25" s="61"/>
      <c r="KPM25" s="61"/>
      <c r="KPN25" s="62"/>
      <c r="KPO25" s="56"/>
      <c r="KPP25" s="61"/>
      <c r="KPQ25" s="61"/>
      <c r="KPR25" s="61"/>
      <c r="KPS25" s="61"/>
      <c r="KPT25" s="62"/>
      <c r="KPU25" s="56"/>
      <c r="KPV25" s="61"/>
      <c r="KPW25" s="61"/>
      <c r="KPX25" s="61"/>
      <c r="KPY25" s="61"/>
      <c r="KPZ25" s="62"/>
      <c r="KQA25" s="56"/>
      <c r="KQB25" s="61"/>
      <c r="KQC25" s="61"/>
      <c r="KQD25" s="61"/>
      <c r="KQE25" s="61"/>
      <c r="KQF25" s="62"/>
      <c r="KQG25" s="56"/>
      <c r="KQH25" s="61"/>
      <c r="KQI25" s="61"/>
      <c r="KQJ25" s="61"/>
      <c r="KQK25" s="61"/>
      <c r="KQL25" s="62"/>
      <c r="KQM25" s="56"/>
      <c r="KQN25" s="61"/>
      <c r="KQO25" s="61"/>
      <c r="KQP25" s="61"/>
      <c r="KQQ25" s="61"/>
      <c r="KQR25" s="62"/>
      <c r="KQS25" s="56"/>
      <c r="KQT25" s="61"/>
      <c r="KQU25" s="61"/>
      <c r="KQV25" s="61"/>
      <c r="KQW25" s="61"/>
      <c r="KQX25" s="62"/>
      <c r="KQY25" s="56"/>
      <c r="KQZ25" s="61"/>
      <c r="KRA25" s="61"/>
      <c r="KRB25" s="61"/>
      <c r="KRC25" s="61"/>
      <c r="KRD25" s="62"/>
      <c r="KRE25" s="56"/>
      <c r="KRF25" s="61"/>
      <c r="KRG25" s="61"/>
      <c r="KRH25" s="61"/>
      <c r="KRI25" s="61"/>
      <c r="KRJ25" s="62"/>
      <c r="KRK25" s="56"/>
      <c r="KRL25" s="61"/>
      <c r="KRM25" s="61"/>
      <c r="KRN25" s="61"/>
      <c r="KRO25" s="61"/>
      <c r="KRP25" s="62"/>
      <c r="KRQ25" s="56"/>
      <c r="KRR25" s="61"/>
      <c r="KRS25" s="61"/>
      <c r="KRT25" s="61"/>
      <c r="KRU25" s="61"/>
      <c r="KRV25" s="62"/>
      <c r="KRW25" s="56"/>
      <c r="KRX25" s="61"/>
      <c r="KRY25" s="61"/>
      <c r="KRZ25" s="61"/>
      <c r="KSA25" s="61"/>
      <c r="KSB25" s="62"/>
      <c r="KSC25" s="56"/>
      <c r="KSD25" s="61"/>
      <c r="KSE25" s="61"/>
      <c r="KSF25" s="61"/>
      <c r="KSG25" s="61"/>
      <c r="KSH25" s="62"/>
      <c r="KSI25" s="56"/>
      <c r="KSJ25" s="61"/>
      <c r="KSK25" s="61"/>
      <c r="KSL25" s="61"/>
      <c r="KSM25" s="61"/>
      <c r="KSN25" s="62"/>
      <c r="KSO25" s="56"/>
      <c r="KSP25" s="61"/>
      <c r="KSQ25" s="61"/>
      <c r="KSR25" s="61"/>
      <c r="KSS25" s="61"/>
      <c r="KST25" s="62"/>
      <c r="KSU25" s="56"/>
      <c r="KSV25" s="61"/>
      <c r="KSW25" s="61"/>
      <c r="KSX25" s="61"/>
      <c r="KSY25" s="61"/>
      <c r="KSZ25" s="62"/>
      <c r="KTA25" s="56"/>
      <c r="KTB25" s="61"/>
      <c r="KTC25" s="61"/>
      <c r="KTD25" s="61"/>
      <c r="KTE25" s="61"/>
      <c r="KTF25" s="62"/>
      <c r="KTG25" s="56"/>
      <c r="KTH25" s="61"/>
      <c r="KTI25" s="61"/>
      <c r="KTJ25" s="61"/>
      <c r="KTK25" s="61"/>
      <c r="KTL25" s="62"/>
      <c r="KTM25" s="56"/>
      <c r="KTN25" s="61"/>
      <c r="KTO25" s="61"/>
      <c r="KTP25" s="61"/>
      <c r="KTQ25" s="61"/>
      <c r="KTR25" s="62"/>
      <c r="KTS25" s="56"/>
      <c r="KTT25" s="61"/>
      <c r="KTU25" s="61"/>
      <c r="KTV25" s="61"/>
      <c r="KTW25" s="61"/>
      <c r="KTX25" s="62"/>
      <c r="KTY25" s="56"/>
      <c r="KTZ25" s="61"/>
      <c r="KUA25" s="61"/>
      <c r="KUB25" s="61"/>
      <c r="KUC25" s="61"/>
      <c r="KUD25" s="62"/>
      <c r="KUE25" s="56"/>
      <c r="KUF25" s="61"/>
      <c r="KUG25" s="61"/>
      <c r="KUH25" s="61"/>
      <c r="KUI25" s="61"/>
      <c r="KUJ25" s="62"/>
      <c r="KUK25" s="56"/>
      <c r="KUL25" s="61"/>
      <c r="KUM25" s="61"/>
      <c r="KUN25" s="61"/>
      <c r="KUO25" s="61"/>
      <c r="KUP25" s="62"/>
      <c r="KUQ25" s="56"/>
      <c r="KUR25" s="61"/>
      <c r="KUS25" s="61"/>
      <c r="KUT25" s="61"/>
      <c r="KUU25" s="61"/>
      <c r="KUV25" s="62"/>
      <c r="KUW25" s="56"/>
      <c r="KUX25" s="61"/>
      <c r="KUY25" s="61"/>
      <c r="KUZ25" s="61"/>
      <c r="KVA25" s="61"/>
      <c r="KVB25" s="62"/>
      <c r="KVC25" s="56"/>
      <c r="KVD25" s="61"/>
      <c r="KVE25" s="61"/>
      <c r="KVF25" s="61"/>
      <c r="KVG25" s="61"/>
      <c r="KVH25" s="62"/>
      <c r="KVI25" s="56"/>
      <c r="KVJ25" s="61"/>
      <c r="KVK25" s="61"/>
      <c r="KVL25" s="61"/>
      <c r="KVM25" s="61"/>
      <c r="KVN25" s="62"/>
      <c r="KVO25" s="56"/>
      <c r="KVP25" s="61"/>
      <c r="KVQ25" s="61"/>
      <c r="KVR25" s="61"/>
      <c r="KVS25" s="61"/>
      <c r="KVT25" s="62"/>
      <c r="KVU25" s="56"/>
      <c r="KVV25" s="61"/>
      <c r="KVW25" s="61"/>
      <c r="KVX25" s="61"/>
      <c r="KVY25" s="61"/>
      <c r="KVZ25" s="62"/>
      <c r="KWA25" s="56"/>
      <c r="KWB25" s="61"/>
      <c r="KWC25" s="61"/>
      <c r="KWD25" s="61"/>
      <c r="KWE25" s="61"/>
      <c r="KWF25" s="62"/>
      <c r="KWG25" s="56"/>
      <c r="KWH25" s="61"/>
      <c r="KWI25" s="61"/>
      <c r="KWJ25" s="61"/>
      <c r="KWK25" s="61"/>
      <c r="KWL25" s="62"/>
      <c r="KWM25" s="56"/>
      <c r="KWN25" s="61"/>
      <c r="KWO25" s="61"/>
      <c r="KWP25" s="61"/>
      <c r="KWQ25" s="61"/>
      <c r="KWR25" s="62"/>
      <c r="KWS25" s="56"/>
      <c r="KWT25" s="61"/>
      <c r="KWU25" s="61"/>
      <c r="KWV25" s="61"/>
      <c r="KWW25" s="61"/>
      <c r="KWX25" s="62"/>
      <c r="KWY25" s="56"/>
      <c r="KWZ25" s="61"/>
      <c r="KXA25" s="61"/>
      <c r="KXB25" s="61"/>
      <c r="KXC25" s="61"/>
      <c r="KXD25" s="62"/>
      <c r="KXE25" s="56"/>
      <c r="KXF25" s="61"/>
      <c r="KXG25" s="61"/>
      <c r="KXH25" s="61"/>
      <c r="KXI25" s="61"/>
      <c r="KXJ25" s="62"/>
      <c r="KXK25" s="56"/>
      <c r="KXL25" s="61"/>
      <c r="KXM25" s="61"/>
      <c r="KXN25" s="61"/>
      <c r="KXO25" s="61"/>
      <c r="KXP25" s="62"/>
      <c r="KXQ25" s="56"/>
      <c r="KXR25" s="61"/>
      <c r="KXS25" s="61"/>
      <c r="KXT25" s="61"/>
      <c r="KXU25" s="61"/>
      <c r="KXV25" s="62"/>
      <c r="KXW25" s="56"/>
      <c r="KXX25" s="61"/>
      <c r="KXY25" s="61"/>
      <c r="KXZ25" s="61"/>
      <c r="KYA25" s="61"/>
      <c r="KYB25" s="62"/>
      <c r="KYC25" s="56"/>
      <c r="KYD25" s="61"/>
      <c r="KYE25" s="61"/>
      <c r="KYF25" s="61"/>
      <c r="KYG25" s="61"/>
      <c r="KYH25" s="62"/>
      <c r="KYI25" s="56"/>
      <c r="KYJ25" s="61"/>
      <c r="KYK25" s="61"/>
      <c r="KYL25" s="61"/>
      <c r="KYM25" s="61"/>
      <c r="KYN25" s="62"/>
      <c r="KYO25" s="56"/>
      <c r="KYP25" s="61"/>
      <c r="KYQ25" s="61"/>
      <c r="KYR25" s="61"/>
      <c r="KYS25" s="61"/>
      <c r="KYT25" s="62"/>
      <c r="KYU25" s="56"/>
      <c r="KYV25" s="61"/>
      <c r="KYW25" s="61"/>
      <c r="KYX25" s="61"/>
      <c r="KYY25" s="61"/>
      <c r="KYZ25" s="62"/>
      <c r="KZA25" s="56"/>
      <c r="KZB25" s="61"/>
      <c r="KZC25" s="61"/>
      <c r="KZD25" s="61"/>
      <c r="KZE25" s="61"/>
      <c r="KZF25" s="62"/>
      <c r="KZG25" s="56"/>
      <c r="KZH25" s="61"/>
      <c r="KZI25" s="61"/>
      <c r="KZJ25" s="61"/>
      <c r="KZK25" s="61"/>
      <c r="KZL25" s="62"/>
      <c r="KZM25" s="56"/>
      <c r="KZN25" s="61"/>
      <c r="KZO25" s="61"/>
      <c r="KZP25" s="61"/>
      <c r="KZQ25" s="61"/>
      <c r="KZR25" s="62"/>
      <c r="KZS25" s="56"/>
      <c r="KZT25" s="61"/>
      <c r="KZU25" s="61"/>
      <c r="KZV25" s="61"/>
      <c r="KZW25" s="61"/>
      <c r="KZX25" s="62"/>
      <c r="KZY25" s="56"/>
      <c r="KZZ25" s="61"/>
      <c r="LAA25" s="61"/>
      <c r="LAB25" s="61"/>
      <c r="LAC25" s="61"/>
      <c r="LAD25" s="62"/>
      <c r="LAE25" s="56"/>
      <c r="LAF25" s="61"/>
      <c r="LAG25" s="61"/>
      <c r="LAH25" s="61"/>
      <c r="LAI25" s="61"/>
      <c r="LAJ25" s="62"/>
      <c r="LAK25" s="56"/>
      <c r="LAL25" s="61"/>
      <c r="LAM25" s="61"/>
      <c r="LAN25" s="61"/>
      <c r="LAO25" s="61"/>
      <c r="LAP25" s="62"/>
      <c r="LAQ25" s="56"/>
      <c r="LAR25" s="61"/>
      <c r="LAS25" s="61"/>
      <c r="LAT25" s="61"/>
      <c r="LAU25" s="61"/>
      <c r="LAV25" s="62"/>
      <c r="LAW25" s="56"/>
      <c r="LAX25" s="61"/>
      <c r="LAY25" s="61"/>
      <c r="LAZ25" s="61"/>
      <c r="LBA25" s="61"/>
      <c r="LBB25" s="62"/>
      <c r="LBC25" s="56"/>
      <c r="LBD25" s="61"/>
      <c r="LBE25" s="61"/>
      <c r="LBF25" s="61"/>
      <c r="LBG25" s="61"/>
      <c r="LBH25" s="62"/>
      <c r="LBI25" s="56"/>
      <c r="LBJ25" s="61"/>
      <c r="LBK25" s="61"/>
      <c r="LBL25" s="61"/>
      <c r="LBM25" s="61"/>
      <c r="LBN25" s="62"/>
      <c r="LBO25" s="56"/>
      <c r="LBP25" s="61"/>
      <c r="LBQ25" s="61"/>
      <c r="LBR25" s="61"/>
      <c r="LBS25" s="61"/>
      <c r="LBT25" s="62"/>
      <c r="LBU25" s="56"/>
      <c r="LBV25" s="61"/>
      <c r="LBW25" s="61"/>
      <c r="LBX25" s="61"/>
      <c r="LBY25" s="61"/>
      <c r="LBZ25" s="62"/>
      <c r="LCA25" s="56"/>
      <c r="LCB25" s="61"/>
      <c r="LCC25" s="61"/>
      <c r="LCD25" s="61"/>
      <c r="LCE25" s="61"/>
      <c r="LCF25" s="62"/>
      <c r="LCG25" s="56"/>
      <c r="LCH25" s="61"/>
      <c r="LCI25" s="61"/>
      <c r="LCJ25" s="61"/>
      <c r="LCK25" s="61"/>
      <c r="LCL25" s="62"/>
      <c r="LCM25" s="56"/>
      <c r="LCN25" s="61"/>
      <c r="LCO25" s="61"/>
      <c r="LCP25" s="61"/>
      <c r="LCQ25" s="61"/>
      <c r="LCR25" s="62"/>
      <c r="LCS25" s="56"/>
      <c r="LCT25" s="61"/>
      <c r="LCU25" s="61"/>
      <c r="LCV25" s="61"/>
      <c r="LCW25" s="61"/>
      <c r="LCX25" s="62"/>
      <c r="LCY25" s="56"/>
      <c r="LCZ25" s="61"/>
      <c r="LDA25" s="61"/>
      <c r="LDB25" s="61"/>
      <c r="LDC25" s="61"/>
      <c r="LDD25" s="62"/>
      <c r="LDE25" s="56"/>
      <c r="LDF25" s="61"/>
      <c r="LDG25" s="61"/>
      <c r="LDH25" s="61"/>
      <c r="LDI25" s="61"/>
      <c r="LDJ25" s="62"/>
      <c r="LDK25" s="56"/>
      <c r="LDL25" s="61"/>
      <c r="LDM25" s="61"/>
      <c r="LDN25" s="61"/>
      <c r="LDO25" s="61"/>
      <c r="LDP25" s="62"/>
      <c r="LDQ25" s="56"/>
      <c r="LDR25" s="61"/>
      <c r="LDS25" s="61"/>
      <c r="LDT25" s="61"/>
      <c r="LDU25" s="61"/>
      <c r="LDV25" s="62"/>
      <c r="LDW25" s="56"/>
      <c r="LDX25" s="61"/>
      <c r="LDY25" s="61"/>
      <c r="LDZ25" s="61"/>
      <c r="LEA25" s="61"/>
      <c r="LEB25" s="62"/>
      <c r="LEC25" s="56"/>
      <c r="LED25" s="61"/>
      <c r="LEE25" s="61"/>
      <c r="LEF25" s="61"/>
      <c r="LEG25" s="61"/>
      <c r="LEH25" s="62"/>
      <c r="LEI25" s="56"/>
      <c r="LEJ25" s="61"/>
      <c r="LEK25" s="61"/>
      <c r="LEL25" s="61"/>
      <c r="LEM25" s="61"/>
      <c r="LEN25" s="62"/>
      <c r="LEO25" s="56"/>
      <c r="LEP25" s="61"/>
      <c r="LEQ25" s="61"/>
      <c r="LER25" s="61"/>
      <c r="LES25" s="61"/>
      <c r="LET25" s="62"/>
      <c r="LEU25" s="56"/>
      <c r="LEV25" s="61"/>
      <c r="LEW25" s="61"/>
      <c r="LEX25" s="61"/>
      <c r="LEY25" s="61"/>
      <c r="LEZ25" s="62"/>
      <c r="LFA25" s="56"/>
      <c r="LFB25" s="61"/>
      <c r="LFC25" s="61"/>
      <c r="LFD25" s="61"/>
      <c r="LFE25" s="61"/>
      <c r="LFF25" s="62"/>
      <c r="LFG25" s="56"/>
      <c r="LFH25" s="61"/>
      <c r="LFI25" s="61"/>
      <c r="LFJ25" s="61"/>
      <c r="LFK25" s="61"/>
      <c r="LFL25" s="62"/>
      <c r="LFM25" s="56"/>
      <c r="LFN25" s="61"/>
      <c r="LFO25" s="61"/>
      <c r="LFP25" s="61"/>
      <c r="LFQ25" s="61"/>
      <c r="LFR25" s="62"/>
      <c r="LFS25" s="56"/>
      <c r="LFT25" s="61"/>
      <c r="LFU25" s="61"/>
      <c r="LFV25" s="61"/>
      <c r="LFW25" s="61"/>
      <c r="LFX25" s="62"/>
      <c r="LFY25" s="56"/>
      <c r="LFZ25" s="61"/>
      <c r="LGA25" s="61"/>
      <c r="LGB25" s="61"/>
      <c r="LGC25" s="61"/>
      <c r="LGD25" s="62"/>
      <c r="LGE25" s="56"/>
      <c r="LGF25" s="61"/>
      <c r="LGG25" s="61"/>
      <c r="LGH25" s="61"/>
      <c r="LGI25" s="61"/>
      <c r="LGJ25" s="62"/>
      <c r="LGK25" s="56"/>
      <c r="LGL25" s="61"/>
      <c r="LGM25" s="61"/>
      <c r="LGN25" s="61"/>
      <c r="LGO25" s="61"/>
      <c r="LGP25" s="62"/>
      <c r="LGQ25" s="56"/>
      <c r="LGR25" s="61"/>
      <c r="LGS25" s="61"/>
      <c r="LGT25" s="61"/>
      <c r="LGU25" s="61"/>
      <c r="LGV25" s="62"/>
      <c r="LGW25" s="56"/>
      <c r="LGX25" s="61"/>
      <c r="LGY25" s="61"/>
      <c r="LGZ25" s="61"/>
      <c r="LHA25" s="61"/>
      <c r="LHB25" s="62"/>
      <c r="LHC25" s="56"/>
      <c r="LHD25" s="61"/>
      <c r="LHE25" s="61"/>
      <c r="LHF25" s="61"/>
      <c r="LHG25" s="61"/>
      <c r="LHH25" s="62"/>
      <c r="LHI25" s="56"/>
      <c r="LHJ25" s="61"/>
      <c r="LHK25" s="61"/>
      <c r="LHL25" s="61"/>
      <c r="LHM25" s="61"/>
      <c r="LHN25" s="62"/>
      <c r="LHO25" s="56"/>
      <c r="LHP25" s="61"/>
      <c r="LHQ25" s="61"/>
      <c r="LHR25" s="61"/>
      <c r="LHS25" s="61"/>
      <c r="LHT25" s="62"/>
      <c r="LHU25" s="56"/>
      <c r="LHV25" s="61"/>
      <c r="LHW25" s="61"/>
      <c r="LHX25" s="61"/>
      <c r="LHY25" s="61"/>
      <c r="LHZ25" s="62"/>
      <c r="LIA25" s="56"/>
      <c r="LIB25" s="61"/>
      <c r="LIC25" s="61"/>
      <c r="LID25" s="61"/>
      <c r="LIE25" s="61"/>
      <c r="LIF25" s="62"/>
      <c r="LIG25" s="56"/>
      <c r="LIH25" s="61"/>
      <c r="LII25" s="61"/>
      <c r="LIJ25" s="61"/>
      <c r="LIK25" s="61"/>
      <c r="LIL25" s="62"/>
      <c r="LIM25" s="56"/>
      <c r="LIN25" s="61"/>
      <c r="LIO25" s="61"/>
      <c r="LIP25" s="61"/>
      <c r="LIQ25" s="61"/>
      <c r="LIR25" s="62"/>
      <c r="LIS25" s="56"/>
      <c r="LIT25" s="61"/>
      <c r="LIU25" s="61"/>
      <c r="LIV25" s="61"/>
      <c r="LIW25" s="61"/>
      <c r="LIX25" s="62"/>
      <c r="LIY25" s="56"/>
      <c r="LIZ25" s="61"/>
      <c r="LJA25" s="61"/>
      <c r="LJB25" s="61"/>
      <c r="LJC25" s="61"/>
      <c r="LJD25" s="62"/>
      <c r="LJE25" s="56"/>
      <c r="LJF25" s="61"/>
      <c r="LJG25" s="61"/>
      <c r="LJH25" s="61"/>
      <c r="LJI25" s="61"/>
      <c r="LJJ25" s="62"/>
      <c r="LJK25" s="56"/>
      <c r="LJL25" s="61"/>
      <c r="LJM25" s="61"/>
      <c r="LJN25" s="61"/>
      <c r="LJO25" s="61"/>
      <c r="LJP25" s="62"/>
      <c r="LJQ25" s="56"/>
      <c r="LJR25" s="61"/>
      <c r="LJS25" s="61"/>
      <c r="LJT25" s="61"/>
      <c r="LJU25" s="61"/>
      <c r="LJV25" s="62"/>
      <c r="LJW25" s="56"/>
      <c r="LJX25" s="61"/>
      <c r="LJY25" s="61"/>
      <c r="LJZ25" s="61"/>
      <c r="LKA25" s="61"/>
      <c r="LKB25" s="62"/>
      <c r="LKC25" s="56"/>
      <c r="LKD25" s="61"/>
      <c r="LKE25" s="61"/>
      <c r="LKF25" s="61"/>
      <c r="LKG25" s="61"/>
      <c r="LKH25" s="62"/>
      <c r="LKI25" s="56"/>
      <c r="LKJ25" s="61"/>
      <c r="LKK25" s="61"/>
      <c r="LKL25" s="61"/>
      <c r="LKM25" s="61"/>
      <c r="LKN25" s="62"/>
      <c r="LKO25" s="56"/>
      <c r="LKP25" s="61"/>
      <c r="LKQ25" s="61"/>
      <c r="LKR25" s="61"/>
      <c r="LKS25" s="61"/>
      <c r="LKT25" s="62"/>
      <c r="LKU25" s="56"/>
      <c r="LKV25" s="61"/>
      <c r="LKW25" s="61"/>
      <c r="LKX25" s="61"/>
      <c r="LKY25" s="61"/>
      <c r="LKZ25" s="62"/>
      <c r="LLA25" s="56"/>
      <c r="LLB25" s="61"/>
      <c r="LLC25" s="61"/>
      <c r="LLD25" s="61"/>
      <c r="LLE25" s="61"/>
      <c r="LLF25" s="62"/>
      <c r="LLG25" s="56"/>
      <c r="LLH25" s="61"/>
      <c r="LLI25" s="61"/>
      <c r="LLJ25" s="61"/>
      <c r="LLK25" s="61"/>
      <c r="LLL25" s="62"/>
      <c r="LLM25" s="56"/>
      <c r="LLN25" s="61"/>
      <c r="LLO25" s="61"/>
      <c r="LLP25" s="61"/>
      <c r="LLQ25" s="61"/>
      <c r="LLR25" s="62"/>
      <c r="LLS25" s="56"/>
      <c r="LLT25" s="61"/>
      <c r="LLU25" s="61"/>
      <c r="LLV25" s="61"/>
      <c r="LLW25" s="61"/>
      <c r="LLX25" s="62"/>
      <c r="LLY25" s="56"/>
      <c r="LLZ25" s="61"/>
      <c r="LMA25" s="61"/>
      <c r="LMB25" s="61"/>
      <c r="LMC25" s="61"/>
      <c r="LMD25" s="62"/>
      <c r="LME25" s="56"/>
      <c r="LMF25" s="61"/>
      <c r="LMG25" s="61"/>
      <c r="LMH25" s="61"/>
      <c r="LMI25" s="61"/>
      <c r="LMJ25" s="62"/>
      <c r="LMK25" s="56"/>
      <c r="LML25" s="61"/>
      <c r="LMM25" s="61"/>
      <c r="LMN25" s="61"/>
      <c r="LMO25" s="61"/>
      <c r="LMP25" s="62"/>
      <c r="LMQ25" s="56"/>
      <c r="LMR25" s="61"/>
      <c r="LMS25" s="61"/>
      <c r="LMT25" s="61"/>
      <c r="LMU25" s="61"/>
      <c r="LMV25" s="62"/>
      <c r="LMW25" s="56"/>
      <c r="LMX25" s="61"/>
      <c r="LMY25" s="61"/>
      <c r="LMZ25" s="61"/>
      <c r="LNA25" s="61"/>
      <c r="LNB25" s="62"/>
      <c r="LNC25" s="56"/>
      <c r="LND25" s="61"/>
      <c r="LNE25" s="61"/>
      <c r="LNF25" s="61"/>
      <c r="LNG25" s="61"/>
      <c r="LNH25" s="62"/>
      <c r="LNI25" s="56"/>
      <c r="LNJ25" s="61"/>
      <c r="LNK25" s="61"/>
      <c r="LNL25" s="61"/>
      <c r="LNM25" s="61"/>
      <c r="LNN25" s="62"/>
      <c r="LNO25" s="56"/>
      <c r="LNP25" s="61"/>
      <c r="LNQ25" s="61"/>
      <c r="LNR25" s="61"/>
      <c r="LNS25" s="61"/>
      <c r="LNT25" s="62"/>
      <c r="LNU25" s="56"/>
      <c r="LNV25" s="61"/>
      <c r="LNW25" s="61"/>
      <c r="LNX25" s="61"/>
      <c r="LNY25" s="61"/>
      <c r="LNZ25" s="62"/>
      <c r="LOA25" s="56"/>
      <c r="LOB25" s="61"/>
      <c r="LOC25" s="61"/>
      <c r="LOD25" s="61"/>
      <c r="LOE25" s="61"/>
      <c r="LOF25" s="62"/>
      <c r="LOG25" s="56"/>
      <c r="LOH25" s="61"/>
      <c r="LOI25" s="61"/>
      <c r="LOJ25" s="61"/>
      <c r="LOK25" s="61"/>
      <c r="LOL25" s="62"/>
      <c r="LOM25" s="56"/>
      <c r="LON25" s="61"/>
      <c r="LOO25" s="61"/>
      <c r="LOP25" s="61"/>
      <c r="LOQ25" s="61"/>
      <c r="LOR25" s="62"/>
      <c r="LOS25" s="56"/>
      <c r="LOT25" s="61"/>
      <c r="LOU25" s="61"/>
      <c r="LOV25" s="61"/>
      <c r="LOW25" s="61"/>
      <c r="LOX25" s="62"/>
      <c r="LOY25" s="56"/>
      <c r="LOZ25" s="61"/>
      <c r="LPA25" s="61"/>
      <c r="LPB25" s="61"/>
      <c r="LPC25" s="61"/>
      <c r="LPD25" s="62"/>
      <c r="LPE25" s="56"/>
      <c r="LPF25" s="61"/>
      <c r="LPG25" s="61"/>
      <c r="LPH25" s="61"/>
      <c r="LPI25" s="61"/>
      <c r="LPJ25" s="62"/>
      <c r="LPK25" s="56"/>
      <c r="LPL25" s="61"/>
      <c r="LPM25" s="61"/>
      <c r="LPN25" s="61"/>
      <c r="LPO25" s="61"/>
      <c r="LPP25" s="62"/>
      <c r="LPQ25" s="56"/>
      <c r="LPR25" s="61"/>
      <c r="LPS25" s="61"/>
      <c r="LPT25" s="61"/>
      <c r="LPU25" s="61"/>
      <c r="LPV25" s="62"/>
      <c r="LPW25" s="56"/>
      <c r="LPX25" s="61"/>
      <c r="LPY25" s="61"/>
      <c r="LPZ25" s="61"/>
      <c r="LQA25" s="61"/>
      <c r="LQB25" s="62"/>
      <c r="LQC25" s="56"/>
      <c r="LQD25" s="61"/>
      <c r="LQE25" s="61"/>
      <c r="LQF25" s="61"/>
      <c r="LQG25" s="61"/>
      <c r="LQH25" s="62"/>
      <c r="LQI25" s="56"/>
      <c r="LQJ25" s="61"/>
      <c r="LQK25" s="61"/>
      <c r="LQL25" s="61"/>
      <c r="LQM25" s="61"/>
      <c r="LQN25" s="62"/>
      <c r="LQO25" s="56"/>
      <c r="LQP25" s="61"/>
      <c r="LQQ25" s="61"/>
      <c r="LQR25" s="61"/>
      <c r="LQS25" s="61"/>
      <c r="LQT25" s="62"/>
      <c r="LQU25" s="56"/>
      <c r="LQV25" s="61"/>
      <c r="LQW25" s="61"/>
      <c r="LQX25" s="61"/>
      <c r="LQY25" s="61"/>
      <c r="LQZ25" s="62"/>
      <c r="LRA25" s="56"/>
      <c r="LRB25" s="61"/>
      <c r="LRC25" s="61"/>
      <c r="LRD25" s="61"/>
      <c r="LRE25" s="61"/>
      <c r="LRF25" s="62"/>
      <c r="LRG25" s="56"/>
      <c r="LRH25" s="61"/>
      <c r="LRI25" s="61"/>
      <c r="LRJ25" s="61"/>
      <c r="LRK25" s="61"/>
      <c r="LRL25" s="62"/>
      <c r="LRM25" s="56"/>
      <c r="LRN25" s="61"/>
      <c r="LRO25" s="61"/>
      <c r="LRP25" s="61"/>
      <c r="LRQ25" s="61"/>
      <c r="LRR25" s="62"/>
      <c r="LRS25" s="56"/>
      <c r="LRT25" s="61"/>
      <c r="LRU25" s="61"/>
      <c r="LRV25" s="61"/>
      <c r="LRW25" s="61"/>
      <c r="LRX25" s="62"/>
      <c r="LRY25" s="56"/>
      <c r="LRZ25" s="61"/>
      <c r="LSA25" s="61"/>
      <c r="LSB25" s="61"/>
      <c r="LSC25" s="61"/>
      <c r="LSD25" s="62"/>
      <c r="LSE25" s="56"/>
      <c r="LSF25" s="61"/>
      <c r="LSG25" s="61"/>
      <c r="LSH25" s="61"/>
      <c r="LSI25" s="61"/>
      <c r="LSJ25" s="62"/>
      <c r="LSK25" s="56"/>
      <c r="LSL25" s="61"/>
      <c r="LSM25" s="61"/>
      <c r="LSN25" s="61"/>
      <c r="LSO25" s="61"/>
      <c r="LSP25" s="62"/>
      <c r="LSQ25" s="56"/>
      <c r="LSR25" s="61"/>
      <c r="LSS25" s="61"/>
      <c r="LST25" s="61"/>
      <c r="LSU25" s="61"/>
      <c r="LSV25" s="62"/>
      <c r="LSW25" s="56"/>
      <c r="LSX25" s="61"/>
      <c r="LSY25" s="61"/>
      <c r="LSZ25" s="61"/>
      <c r="LTA25" s="61"/>
      <c r="LTB25" s="62"/>
      <c r="LTC25" s="56"/>
      <c r="LTD25" s="61"/>
      <c r="LTE25" s="61"/>
      <c r="LTF25" s="61"/>
      <c r="LTG25" s="61"/>
      <c r="LTH25" s="62"/>
      <c r="LTI25" s="56"/>
      <c r="LTJ25" s="61"/>
      <c r="LTK25" s="61"/>
      <c r="LTL25" s="61"/>
      <c r="LTM25" s="61"/>
      <c r="LTN25" s="62"/>
      <c r="LTO25" s="56"/>
      <c r="LTP25" s="61"/>
      <c r="LTQ25" s="61"/>
      <c r="LTR25" s="61"/>
      <c r="LTS25" s="61"/>
      <c r="LTT25" s="62"/>
      <c r="LTU25" s="56"/>
      <c r="LTV25" s="61"/>
      <c r="LTW25" s="61"/>
      <c r="LTX25" s="61"/>
      <c r="LTY25" s="61"/>
      <c r="LTZ25" s="62"/>
      <c r="LUA25" s="56"/>
      <c r="LUB25" s="61"/>
      <c r="LUC25" s="61"/>
      <c r="LUD25" s="61"/>
      <c r="LUE25" s="61"/>
      <c r="LUF25" s="62"/>
      <c r="LUG25" s="56"/>
      <c r="LUH25" s="61"/>
      <c r="LUI25" s="61"/>
      <c r="LUJ25" s="61"/>
      <c r="LUK25" s="61"/>
      <c r="LUL25" s="62"/>
      <c r="LUM25" s="56"/>
      <c r="LUN25" s="61"/>
      <c r="LUO25" s="61"/>
      <c r="LUP25" s="61"/>
      <c r="LUQ25" s="61"/>
      <c r="LUR25" s="62"/>
      <c r="LUS25" s="56"/>
      <c r="LUT25" s="61"/>
      <c r="LUU25" s="61"/>
      <c r="LUV25" s="61"/>
      <c r="LUW25" s="61"/>
      <c r="LUX25" s="62"/>
      <c r="LUY25" s="56"/>
      <c r="LUZ25" s="61"/>
      <c r="LVA25" s="61"/>
      <c r="LVB25" s="61"/>
      <c r="LVC25" s="61"/>
      <c r="LVD25" s="62"/>
      <c r="LVE25" s="56"/>
      <c r="LVF25" s="61"/>
      <c r="LVG25" s="61"/>
      <c r="LVH25" s="61"/>
      <c r="LVI25" s="61"/>
      <c r="LVJ25" s="62"/>
      <c r="LVK25" s="56"/>
      <c r="LVL25" s="61"/>
      <c r="LVM25" s="61"/>
      <c r="LVN25" s="61"/>
      <c r="LVO25" s="61"/>
      <c r="LVP25" s="62"/>
      <c r="LVQ25" s="56"/>
      <c r="LVR25" s="61"/>
      <c r="LVS25" s="61"/>
      <c r="LVT25" s="61"/>
      <c r="LVU25" s="61"/>
      <c r="LVV25" s="62"/>
      <c r="LVW25" s="56"/>
      <c r="LVX25" s="61"/>
      <c r="LVY25" s="61"/>
      <c r="LVZ25" s="61"/>
      <c r="LWA25" s="61"/>
      <c r="LWB25" s="62"/>
      <c r="LWC25" s="56"/>
      <c r="LWD25" s="61"/>
      <c r="LWE25" s="61"/>
      <c r="LWF25" s="61"/>
      <c r="LWG25" s="61"/>
      <c r="LWH25" s="62"/>
      <c r="LWI25" s="56"/>
      <c r="LWJ25" s="61"/>
      <c r="LWK25" s="61"/>
      <c r="LWL25" s="61"/>
      <c r="LWM25" s="61"/>
      <c r="LWN25" s="62"/>
      <c r="LWO25" s="56"/>
      <c r="LWP25" s="61"/>
      <c r="LWQ25" s="61"/>
      <c r="LWR25" s="61"/>
      <c r="LWS25" s="61"/>
      <c r="LWT25" s="62"/>
      <c r="LWU25" s="56"/>
      <c r="LWV25" s="61"/>
      <c r="LWW25" s="61"/>
      <c r="LWX25" s="61"/>
      <c r="LWY25" s="61"/>
      <c r="LWZ25" s="62"/>
      <c r="LXA25" s="56"/>
      <c r="LXB25" s="61"/>
      <c r="LXC25" s="61"/>
      <c r="LXD25" s="61"/>
      <c r="LXE25" s="61"/>
      <c r="LXF25" s="62"/>
      <c r="LXG25" s="56"/>
      <c r="LXH25" s="61"/>
      <c r="LXI25" s="61"/>
      <c r="LXJ25" s="61"/>
      <c r="LXK25" s="61"/>
      <c r="LXL25" s="62"/>
      <c r="LXM25" s="56"/>
      <c r="LXN25" s="61"/>
      <c r="LXO25" s="61"/>
      <c r="LXP25" s="61"/>
      <c r="LXQ25" s="61"/>
      <c r="LXR25" s="62"/>
      <c r="LXS25" s="56"/>
      <c r="LXT25" s="61"/>
      <c r="LXU25" s="61"/>
      <c r="LXV25" s="61"/>
      <c r="LXW25" s="61"/>
      <c r="LXX25" s="62"/>
      <c r="LXY25" s="56"/>
      <c r="LXZ25" s="61"/>
      <c r="LYA25" s="61"/>
      <c r="LYB25" s="61"/>
      <c r="LYC25" s="61"/>
      <c r="LYD25" s="62"/>
      <c r="LYE25" s="56"/>
      <c r="LYF25" s="61"/>
      <c r="LYG25" s="61"/>
      <c r="LYH25" s="61"/>
      <c r="LYI25" s="61"/>
      <c r="LYJ25" s="62"/>
      <c r="LYK25" s="56"/>
      <c r="LYL25" s="61"/>
      <c r="LYM25" s="61"/>
      <c r="LYN25" s="61"/>
      <c r="LYO25" s="61"/>
      <c r="LYP25" s="62"/>
      <c r="LYQ25" s="56"/>
      <c r="LYR25" s="61"/>
      <c r="LYS25" s="61"/>
      <c r="LYT25" s="61"/>
      <c r="LYU25" s="61"/>
      <c r="LYV25" s="62"/>
      <c r="LYW25" s="56"/>
      <c r="LYX25" s="61"/>
      <c r="LYY25" s="61"/>
      <c r="LYZ25" s="61"/>
      <c r="LZA25" s="61"/>
      <c r="LZB25" s="62"/>
      <c r="LZC25" s="56"/>
      <c r="LZD25" s="61"/>
      <c r="LZE25" s="61"/>
      <c r="LZF25" s="61"/>
      <c r="LZG25" s="61"/>
      <c r="LZH25" s="62"/>
      <c r="LZI25" s="56"/>
      <c r="LZJ25" s="61"/>
      <c r="LZK25" s="61"/>
      <c r="LZL25" s="61"/>
      <c r="LZM25" s="61"/>
      <c r="LZN25" s="62"/>
      <c r="LZO25" s="56"/>
      <c r="LZP25" s="61"/>
      <c r="LZQ25" s="61"/>
      <c r="LZR25" s="61"/>
      <c r="LZS25" s="61"/>
      <c r="LZT25" s="62"/>
      <c r="LZU25" s="56"/>
      <c r="LZV25" s="61"/>
      <c r="LZW25" s="61"/>
      <c r="LZX25" s="61"/>
      <c r="LZY25" s="61"/>
      <c r="LZZ25" s="62"/>
      <c r="MAA25" s="56"/>
      <c r="MAB25" s="61"/>
      <c r="MAC25" s="61"/>
      <c r="MAD25" s="61"/>
      <c r="MAE25" s="61"/>
      <c r="MAF25" s="62"/>
      <c r="MAG25" s="56"/>
      <c r="MAH25" s="61"/>
      <c r="MAI25" s="61"/>
      <c r="MAJ25" s="61"/>
      <c r="MAK25" s="61"/>
      <c r="MAL25" s="62"/>
      <c r="MAM25" s="56"/>
      <c r="MAN25" s="61"/>
      <c r="MAO25" s="61"/>
      <c r="MAP25" s="61"/>
      <c r="MAQ25" s="61"/>
      <c r="MAR25" s="62"/>
      <c r="MAS25" s="56"/>
      <c r="MAT25" s="61"/>
      <c r="MAU25" s="61"/>
      <c r="MAV25" s="61"/>
      <c r="MAW25" s="61"/>
      <c r="MAX25" s="62"/>
      <c r="MAY25" s="56"/>
      <c r="MAZ25" s="61"/>
      <c r="MBA25" s="61"/>
      <c r="MBB25" s="61"/>
      <c r="MBC25" s="61"/>
      <c r="MBD25" s="62"/>
      <c r="MBE25" s="56"/>
      <c r="MBF25" s="61"/>
      <c r="MBG25" s="61"/>
      <c r="MBH25" s="61"/>
      <c r="MBI25" s="61"/>
      <c r="MBJ25" s="62"/>
      <c r="MBK25" s="56"/>
      <c r="MBL25" s="61"/>
      <c r="MBM25" s="61"/>
      <c r="MBN25" s="61"/>
      <c r="MBO25" s="61"/>
      <c r="MBP25" s="62"/>
      <c r="MBQ25" s="56"/>
      <c r="MBR25" s="61"/>
      <c r="MBS25" s="61"/>
      <c r="MBT25" s="61"/>
      <c r="MBU25" s="61"/>
      <c r="MBV25" s="62"/>
      <c r="MBW25" s="56"/>
      <c r="MBX25" s="61"/>
      <c r="MBY25" s="61"/>
      <c r="MBZ25" s="61"/>
      <c r="MCA25" s="61"/>
      <c r="MCB25" s="62"/>
      <c r="MCC25" s="56"/>
      <c r="MCD25" s="61"/>
      <c r="MCE25" s="61"/>
      <c r="MCF25" s="61"/>
      <c r="MCG25" s="61"/>
      <c r="MCH25" s="62"/>
      <c r="MCI25" s="56"/>
      <c r="MCJ25" s="61"/>
      <c r="MCK25" s="61"/>
      <c r="MCL25" s="61"/>
      <c r="MCM25" s="61"/>
      <c r="MCN25" s="62"/>
      <c r="MCO25" s="56"/>
      <c r="MCP25" s="61"/>
      <c r="MCQ25" s="61"/>
      <c r="MCR25" s="61"/>
      <c r="MCS25" s="61"/>
      <c r="MCT25" s="62"/>
      <c r="MCU25" s="56"/>
      <c r="MCV25" s="61"/>
      <c r="MCW25" s="61"/>
      <c r="MCX25" s="61"/>
      <c r="MCY25" s="61"/>
      <c r="MCZ25" s="62"/>
      <c r="MDA25" s="56"/>
      <c r="MDB25" s="61"/>
      <c r="MDC25" s="61"/>
      <c r="MDD25" s="61"/>
      <c r="MDE25" s="61"/>
      <c r="MDF25" s="62"/>
      <c r="MDG25" s="56"/>
      <c r="MDH25" s="61"/>
      <c r="MDI25" s="61"/>
      <c r="MDJ25" s="61"/>
      <c r="MDK25" s="61"/>
      <c r="MDL25" s="62"/>
      <c r="MDM25" s="56"/>
      <c r="MDN25" s="61"/>
      <c r="MDO25" s="61"/>
      <c r="MDP25" s="61"/>
      <c r="MDQ25" s="61"/>
      <c r="MDR25" s="62"/>
      <c r="MDS25" s="56"/>
      <c r="MDT25" s="61"/>
      <c r="MDU25" s="61"/>
      <c r="MDV25" s="61"/>
      <c r="MDW25" s="61"/>
      <c r="MDX25" s="62"/>
      <c r="MDY25" s="56"/>
      <c r="MDZ25" s="61"/>
      <c r="MEA25" s="61"/>
      <c r="MEB25" s="61"/>
      <c r="MEC25" s="61"/>
      <c r="MED25" s="62"/>
      <c r="MEE25" s="56"/>
      <c r="MEF25" s="61"/>
      <c r="MEG25" s="61"/>
      <c r="MEH25" s="61"/>
      <c r="MEI25" s="61"/>
      <c r="MEJ25" s="62"/>
      <c r="MEK25" s="56"/>
      <c r="MEL25" s="61"/>
      <c r="MEM25" s="61"/>
      <c r="MEN25" s="61"/>
      <c r="MEO25" s="61"/>
      <c r="MEP25" s="62"/>
      <c r="MEQ25" s="56"/>
      <c r="MER25" s="61"/>
      <c r="MES25" s="61"/>
      <c r="MET25" s="61"/>
      <c r="MEU25" s="61"/>
      <c r="MEV25" s="62"/>
      <c r="MEW25" s="56"/>
      <c r="MEX25" s="61"/>
      <c r="MEY25" s="61"/>
      <c r="MEZ25" s="61"/>
      <c r="MFA25" s="61"/>
      <c r="MFB25" s="62"/>
      <c r="MFC25" s="56"/>
      <c r="MFD25" s="61"/>
      <c r="MFE25" s="61"/>
      <c r="MFF25" s="61"/>
      <c r="MFG25" s="61"/>
      <c r="MFH25" s="62"/>
      <c r="MFI25" s="56"/>
      <c r="MFJ25" s="61"/>
      <c r="MFK25" s="61"/>
      <c r="MFL25" s="61"/>
      <c r="MFM25" s="61"/>
      <c r="MFN25" s="62"/>
      <c r="MFO25" s="56"/>
      <c r="MFP25" s="61"/>
      <c r="MFQ25" s="61"/>
      <c r="MFR25" s="61"/>
      <c r="MFS25" s="61"/>
      <c r="MFT25" s="62"/>
      <c r="MFU25" s="56"/>
      <c r="MFV25" s="61"/>
      <c r="MFW25" s="61"/>
      <c r="MFX25" s="61"/>
      <c r="MFY25" s="61"/>
      <c r="MFZ25" s="62"/>
      <c r="MGA25" s="56"/>
      <c r="MGB25" s="61"/>
      <c r="MGC25" s="61"/>
      <c r="MGD25" s="61"/>
      <c r="MGE25" s="61"/>
      <c r="MGF25" s="62"/>
      <c r="MGG25" s="56"/>
      <c r="MGH25" s="61"/>
      <c r="MGI25" s="61"/>
      <c r="MGJ25" s="61"/>
      <c r="MGK25" s="61"/>
      <c r="MGL25" s="62"/>
      <c r="MGM25" s="56"/>
      <c r="MGN25" s="61"/>
      <c r="MGO25" s="61"/>
      <c r="MGP25" s="61"/>
      <c r="MGQ25" s="61"/>
      <c r="MGR25" s="62"/>
      <c r="MGS25" s="56"/>
      <c r="MGT25" s="61"/>
      <c r="MGU25" s="61"/>
      <c r="MGV25" s="61"/>
      <c r="MGW25" s="61"/>
      <c r="MGX25" s="62"/>
      <c r="MGY25" s="56"/>
      <c r="MGZ25" s="61"/>
      <c r="MHA25" s="61"/>
      <c r="MHB25" s="61"/>
      <c r="MHC25" s="61"/>
      <c r="MHD25" s="62"/>
      <c r="MHE25" s="56"/>
      <c r="MHF25" s="61"/>
      <c r="MHG25" s="61"/>
      <c r="MHH25" s="61"/>
      <c r="MHI25" s="61"/>
      <c r="MHJ25" s="62"/>
      <c r="MHK25" s="56"/>
      <c r="MHL25" s="61"/>
      <c r="MHM25" s="61"/>
      <c r="MHN25" s="61"/>
      <c r="MHO25" s="61"/>
      <c r="MHP25" s="62"/>
      <c r="MHQ25" s="56"/>
      <c r="MHR25" s="61"/>
      <c r="MHS25" s="61"/>
      <c r="MHT25" s="61"/>
      <c r="MHU25" s="61"/>
      <c r="MHV25" s="62"/>
      <c r="MHW25" s="56"/>
      <c r="MHX25" s="61"/>
      <c r="MHY25" s="61"/>
      <c r="MHZ25" s="61"/>
      <c r="MIA25" s="61"/>
      <c r="MIB25" s="62"/>
      <c r="MIC25" s="56"/>
      <c r="MID25" s="61"/>
      <c r="MIE25" s="61"/>
      <c r="MIF25" s="61"/>
      <c r="MIG25" s="61"/>
      <c r="MIH25" s="62"/>
      <c r="MII25" s="56"/>
      <c r="MIJ25" s="61"/>
      <c r="MIK25" s="61"/>
      <c r="MIL25" s="61"/>
      <c r="MIM25" s="61"/>
      <c r="MIN25" s="62"/>
      <c r="MIO25" s="56"/>
      <c r="MIP25" s="61"/>
      <c r="MIQ25" s="61"/>
      <c r="MIR25" s="61"/>
      <c r="MIS25" s="61"/>
      <c r="MIT25" s="62"/>
      <c r="MIU25" s="56"/>
      <c r="MIV25" s="61"/>
      <c r="MIW25" s="61"/>
      <c r="MIX25" s="61"/>
      <c r="MIY25" s="61"/>
      <c r="MIZ25" s="62"/>
      <c r="MJA25" s="56"/>
      <c r="MJB25" s="61"/>
      <c r="MJC25" s="61"/>
      <c r="MJD25" s="61"/>
      <c r="MJE25" s="61"/>
      <c r="MJF25" s="62"/>
      <c r="MJG25" s="56"/>
      <c r="MJH25" s="61"/>
      <c r="MJI25" s="61"/>
      <c r="MJJ25" s="61"/>
      <c r="MJK25" s="61"/>
      <c r="MJL25" s="62"/>
      <c r="MJM25" s="56"/>
      <c r="MJN25" s="61"/>
      <c r="MJO25" s="61"/>
      <c r="MJP25" s="61"/>
      <c r="MJQ25" s="61"/>
      <c r="MJR25" s="62"/>
      <c r="MJS25" s="56"/>
      <c r="MJT25" s="61"/>
      <c r="MJU25" s="61"/>
      <c r="MJV25" s="61"/>
      <c r="MJW25" s="61"/>
      <c r="MJX25" s="62"/>
      <c r="MJY25" s="56"/>
      <c r="MJZ25" s="61"/>
      <c r="MKA25" s="61"/>
      <c r="MKB25" s="61"/>
      <c r="MKC25" s="61"/>
      <c r="MKD25" s="62"/>
      <c r="MKE25" s="56"/>
      <c r="MKF25" s="61"/>
      <c r="MKG25" s="61"/>
      <c r="MKH25" s="61"/>
      <c r="MKI25" s="61"/>
      <c r="MKJ25" s="62"/>
      <c r="MKK25" s="56"/>
      <c r="MKL25" s="61"/>
      <c r="MKM25" s="61"/>
      <c r="MKN25" s="61"/>
      <c r="MKO25" s="61"/>
      <c r="MKP25" s="62"/>
      <c r="MKQ25" s="56"/>
      <c r="MKR25" s="61"/>
      <c r="MKS25" s="61"/>
      <c r="MKT25" s="61"/>
      <c r="MKU25" s="61"/>
      <c r="MKV25" s="62"/>
      <c r="MKW25" s="56"/>
      <c r="MKX25" s="61"/>
      <c r="MKY25" s="61"/>
      <c r="MKZ25" s="61"/>
      <c r="MLA25" s="61"/>
      <c r="MLB25" s="62"/>
      <c r="MLC25" s="56"/>
      <c r="MLD25" s="61"/>
      <c r="MLE25" s="61"/>
      <c r="MLF25" s="61"/>
      <c r="MLG25" s="61"/>
      <c r="MLH25" s="62"/>
      <c r="MLI25" s="56"/>
      <c r="MLJ25" s="61"/>
      <c r="MLK25" s="61"/>
      <c r="MLL25" s="61"/>
      <c r="MLM25" s="61"/>
      <c r="MLN25" s="62"/>
      <c r="MLO25" s="56"/>
      <c r="MLP25" s="61"/>
      <c r="MLQ25" s="61"/>
      <c r="MLR25" s="61"/>
      <c r="MLS25" s="61"/>
      <c r="MLT25" s="62"/>
      <c r="MLU25" s="56"/>
      <c r="MLV25" s="61"/>
      <c r="MLW25" s="61"/>
      <c r="MLX25" s="61"/>
      <c r="MLY25" s="61"/>
      <c r="MLZ25" s="62"/>
      <c r="MMA25" s="56"/>
      <c r="MMB25" s="61"/>
      <c r="MMC25" s="61"/>
      <c r="MMD25" s="61"/>
      <c r="MME25" s="61"/>
      <c r="MMF25" s="62"/>
      <c r="MMG25" s="56"/>
      <c r="MMH25" s="61"/>
      <c r="MMI25" s="61"/>
      <c r="MMJ25" s="61"/>
      <c r="MMK25" s="61"/>
      <c r="MML25" s="62"/>
      <c r="MMM25" s="56"/>
      <c r="MMN25" s="61"/>
      <c r="MMO25" s="61"/>
      <c r="MMP25" s="61"/>
      <c r="MMQ25" s="61"/>
      <c r="MMR25" s="62"/>
      <c r="MMS25" s="56"/>
      <c r="MMT25" s="61"/>
      <c r="MMU25" s="61"/>
      <c r="MMV25" s="61"/>
      <c r="MMW25" s="61"/>
      <c r="MMX25" s="62"/>
      <c r="MMY25" s="56"/>
      <c r="MMZ25" s="61"/>
      <c r="MNA25" s="61"/>
      <c r="MNB25" s="61"/>
      <c r="MNC25" s="61"/>
      <c r="MND25" s="62"/>
      <c r="MNE25" s="56"/>
      <c r="MNF25" s="61"/>
      <c r="MNG25" s="61"/>
      <c r="MNH25" s="61"/>
      <c r="MNI25" s="61"/>
      <c r="MNJ25" s="62"/>
      <c r="MNK25" s="56"/>
      <c r="MNL25" s="61"/>
      <c r="MNM25" s="61"/>
      <c r="MNN25" s="61"/>
      <c r="MNO25" s="61"/>
      <c r="MNP25" s="62"/>
      <c r="MNQ25" s="56"/>
      <c r="MNR25" s="61"/>
      <c r="MNS25" s="61"/>
      <c r="MNT25" s="61"/>
      <c r="MNU25" s="61"/>
      <c r="MNV25" s="62"/>
      <c r="MNW25" s="56"/>
      <c r="MNX25" s="61"/>
      <c r="MNY25" s="61"/>
      <c r="MNZ25" s="61"/>
      <c r="MOA25" s="61"/>
      <c r="MOB25" s="62"/>
      <c r="MOC25" s="56"/>
      <c r="MOD25" s="61"/>
      <c r="MOE25" s="61"/>
      <c r="MOF25" s="61"/>
      <c r="MOG25" s="61"/>
      <c r="MOH25" s="62"/>
      <c r="MOI25" s="56"/>
      <c r="MOJ25" s="61"/>
      <c r="MOK25" s="61"/>
      <c r="MOL25" s="61"/>
      <c r="MOM25" s="61"/>
      <c r="MON25" s="62"/>
      <c r="MOO25" s="56"/>
      <c r="MOP25" s="61"/>
      <c r="MOQ25" s="61"/>
      <c r="MOR25" s="61"/>
      <c r="MOS25" s="61"/>
      <c r="MOT25" s="62"/>
      <c r="MOU25" s="56"/>
      <c r="MOV25" s="61"/>
      <c r="MOW25" s="61"/>
      <c r="MOX25" s="61"/>
      <c r="MOY25" s="61"/>
      <c r="MOZ25" s="62"/>
      <c r="MPA25" s="56"/>
      <c r="MPB25" s="61"/>
      <c r="MPC25" s="61"/>
      <c r="MPD25" s="61"/>
      <c r="MPE25" s="61"/>
      <c r="MPF25" s="62"/>
      <c r="MPG25" s="56"/>
      <c r="MPH25" s="61"/>
      <c r="MPI25" s="61"/>
      <c r="MPJ25" s="61"/>
      <c r="MPK25" s="61"/>
      <c r="MPL25" s="62"/>
      <c r="MPM25" s="56"/>
      <c r="MPN25" s="61"/>
      <c r="MPO25" s="61"/>
      <c r="MPP25" s="61"/>
      <c r="MPQ25" s="61"/>
      <c r="MPR25" s="62"/>
      <c r="MPS25" s="56"/>
      <c r="MPT25" s="61"/>
      <c r="MPU25" s="61"/>
      <c r="MPV25" s="61"/>
      <c r="MPW25" s="61"/>
      <c r="MPX25" s="62"/>
      <c r="MPY25" s="56"/>
      <c r="MPZ25" s="61"/>
      <c r="MQA25" s="61"/>
      <c r="MQB25" s="61"/>
      <c r="MQC25" s="61"/>
      <c r="MQD25" s="62"/>
      <c r="MQE25" s="56"/>
      <c r="MQF25" s="61"/>
      <c r="MQG25" s="61"/>
      <c r="MQH25" s="61"/>
      <c r="MQI25" s="61"/>
      <c r="MQJ25" s="62"/>
      <c r="MQK25" s="56"/>
      <c r="MQL25" s="61"/>
      <c r="MQM25" s="61"/>
      <c r="MQN25" s="61"/>
      <c r="MQO25" s="61"/>
      <c r="MQP25" s="62"/>
      <c r="MQQ25" s="56"/>
      <c r="MQR25" s="61"/>
      <c r="MQS25" s="61"/>
      <c r="MQT25" s="61"/>
      <c r="MQU25" s="61"/>
      <c r="MQV25" s="62"/>
      <c r="MQW25" s="56"/>
      <c r="MQX25" s="61"/>
      <c r="MQY25" s="61"/>
      <c r="MQZ25" s="61"/>
      <c r="MRA25" s="61"/>
      <c r="MRB25" s="62"/>
      <c r="MRC25" s="56"/>
      <c r="MRD25" s="61"/>
      <c r="MRE25" s="61"/>
      <c r="MRF25" s="61"/>
      <c r="MRG25" s="61"/>
      <c r="MRH25" s="62"/>
      <c r="MRI25" s="56"/>
      <c r="MRJ25" s="61"/>
      <c r="MRK25" s="61"/>
      <c r="MRL25" s="61"/>
      <c r="MRM25" s="61"/>
      <c r="MRN25" s="62"/>
      <c r="MRO25" s="56"/>
      <c r="MRP25" s="61"/>
      <c r="MRQ25" s="61"/>
      <c r="MRR25" s="61"/>
      <c r="MRS25" s="61"/>
      <c r="MRT25" s="62"/>
      <c r="MRU25" s="56"/>
      <c r="MRV25" s="61"/>
      <c r="MRW25" s="61"/>
      <c r="MRX25" s="61"/>
      <c r="MRY25" s="61"/>
      <c r="MRZ25" s="62"/>
      <c r="MSA25" s="56"/>
      <c r="MSB25" s="61"/>
      <c r="MSC25" s="61"/>
      <c r="MSD25" s="61"/>
      <c r="MSE25" s="61"/>
      <c r="MSF25" s="62"/>
      <c r="MSG25" s="56"/>
      <c r="MSH25" s="61"/>
      <c r="MSI25" s="61"/>
      <c r="MSJ25" s="61"/>
      <c r="MSK25" s="61"/>
      <c r="MSL25" s="62"/>
      <c r="MSM25" s="56"/>
      <c r="MSN25" s="61"/>
      <c r="MSO25" s="61"/>
      <c r="MSP25" s="61"/>
      <c r="MSQ25" s="61"/>
      <c r="MSR25" s="62"/>
      <c r="MSS25" s="56"/>
      <c r="MST25" s="61"/>
      <c r="MSU25" s="61"/>
      <c r="MSV25" s="61"/>
      <c r="MSW25" s="61"/>
      <c r="MSX25" s="62"/>
      <c r="MSY25" s="56"/>
      <c r="MSZ25" s="61"/>
      <c r="MTA25" s="61"/>
      <c r="MTB25" s="61"/>
      <c r="MTC25" s="61"/>
      <c r="MTD25" s="62"/>
      <c r="MTE25" s="56"/>
      <c r="MTF25" s="61"/>
      <c r="MTG25" s="61"/>
      <c r="MTH25" s="61"/>
      <c r="MTI25" s="61"/>
      <c r="MTJ25" s="62"/>
      <c r="MTK25" s="56"/>
      <c r="MTL25" s="61"/>
      <c r="MTM25" s="61"/>
      <c r="MTN25" s="61"/>
      <c r="MTO25" s="61"/>
      <c r="MTP25" s="62"/>
      <c r="MTQ25" s="56"/>
      <c r="MTR25" s="61"/>
      <c r="MTS25" s="61"/>
      <c r="MTT25" s="61"/>
      <c r="MTU25" s="61"/>
      <c r="MTV25" s="62"/>
      <c r="MTW25" s="56"/>
      <c r="MTX25" s="61"/>
      <c r="MTY25" s="61"/>
      <c r="MTZ25" s="61"/>
      <c r="MUA25" s="61"/>
      <c r="MUB25" s="62"/>
      <c r="MUC25" s="56"/>
      <c r="MUD25" s="61"/>
      <c r="MUE25" s="61"/>
      <c r="MUF25" s="61"/>
      <c r="MUG25" s="61"/>
      <c r="MUH25" s="62"/>
      <c r="MUI25" s="56"/>
      <c r="MUJ25" s="61"/>
      <c r="MUK25" s="61"/>
      <c r="MUL25" s="61"/>
      <c r="MUM25" s="61"/>
      <c r="MUN25" s="62"/>
      <c r="MUO25" s="56"/>
      <c r="MUP25" s="61"/>
      <c r="MUQ25" s="61"/>
      <c r="MUR25" s="61"/>
      <c r="MUS25" s="61"/>
      <c r="MUT25" s="62"/>
      <c r="MUU25" s="56"/>
      <c r="MUV25" s="61"/>
      <c r="MUW25" s="61"/>
      <c r="MUX25" s="61"/>
      <c r="MUY25" s="61"/>
      <c r="MUZ25" s="62"/>
      <c r="MVA25" s="56"/>
      <c r="MVB25" s="61"/>
      <c r="MVC25" s="61"/>
      <c r="MVD25" s="61"/>
      <c r="MVE25" s="61"/>
      <c r="MVF25" s="62"/>
      <c r="MVG25" s="56"/>
      <c r="MVH25" s="61"/>
      <c r="MVI25" s="61"/>
      <c r="MVJ25" s="61"/>
      <c r="MVK25" s="61"/>
      <c r="MVL25" s="62"/>
      <c r="MVM25" s="56"/>
      <c r="MVN25" s="61"/>
      <c r="MVO25" s="61"/>
      <c r="MVP25" s="61"/>
      <c r="MVQ25" s="61"/>
      <c r="MVR25" s="62"/>
      <c r="MVS25" s="56"/>
      <c r="MVT25" s="61"/>
      <c r="MVU25" s="61"/>
      <c r="MVV25" s="61"/>
      <c r="MVW25" s="61"/>
      <c r="MVX25" s="62"/>
      <c r="MVY25" s="56"/>
      <c r="MVZ25" s="61"/>
      <c r="MWA25" s="61"/>
      <c r="MWB25" s="61"/>
      <c r="MWC25" s="61"/>
      <c r="MWD25" s="62"/>
      <c r="MWE25" s="56"/>
      <c r="MWF25" s="61"/>
      <c r="MWG25" s="61"/>
      <c r="MWH25" s="61"/>
      <c r="MWI25" s="61"/>
      <c r="MWJ25" s="62"/>
      <c r="MWK25" s="56"/>
      <c r="MWL25" s="61"/>
      <c r="MWM25" s="61"/>
      <c r="MWN25" s="61"/>
      <c r="MWO25" s="61"/>
      <c r="MWP25" s="62"/>
      <c r="MWQ25" s="56"/>
      <c r="MWR25" s="61"/>
      <c r="MWS25" s="61"/>
      <c r="MWT25" s="61"/>
      <c r="MWU25" s="61"/>
      <c r="MWV25" s="62"/>
      <c r="MWW25" s="56"/>
      <c r="MWX25" s="61"/>
      <c r="MWY25" s="61"/>
      <c r="MWZ25" s="61"/>
      <c r="MXA25" s="61"/>
      <c r="MXB25" s="62"/>
      <c r="MXC25" s="56"/>
      <c r="MXD25" s="61"/>
      <c r="MXE25" s="61"/>
      <c r="MXF25" s="61"/>
      <c r="MXG25" s="61"/>
      <c r="MXH25" s="62"/>
      <c r="MXI25" s="56"/>
      <c r="MXJ25" s="61"/>
      <c r="MXK25" s="61"/>
      <c r="MXL25" s="61"/>
      <c r="MXM25" s="61"/>
      <c r="MXN25" s="62"/>
      <c r="MXO25" s="56"/>
      <c r="MXP25" s="61"/>
      <c r="MXQ25" s="61"/>
      <c r="MXR25" s="61"/>
      <c r="MXS25" s="61"/>
      <c r="MXT25" s="62"/>
      <c r="MXU25" s="56"/>
      <c r="MXV25" s="61"/>
      <c r="MXW25" s="61"/>
      <c r="MXX25" s="61"/>
      <c r="MXY25" s="61"/>
      <c r="MXZ25" s="62"/>
      <c r="MYA25" s="56"/>
      <c r="MYB25" s="61"/>
      <c r="MYC25" s="61"/>
      <c r="MYD25" s="61"/>
      <c r="MYE25" s="61"/>
      <c r="MYF25" s="62"/>
      <c r="MYG25" s="56"/>
      <c r="MYH25" s="61"/>
      <c r="MYI25" s="61"/>
      <c r="MYJ25" s="61"/>
      <c r="MYK25" s="61"/>
      <c r="MYL25" s="62"/>
      <c r="MYM25" s="56"/>
      <c r="MYN25" s="61"/>
      <c r="MYO25" s="61"/>
      <c r="MYP25" s="61"/>
      <c r="MYQ25" s="61"/>
      <c r="MYR25" s="62"/>
      <c r="MYS25" s="56"/>
      <c r="MYT25" s="61"/>
      <c r="MYU25" s="61"/>
      <c r="MYV25" s="61"/>
      <c r="MYW25" s="61"/>
      <c r="MYX25" s="62"/>
      <c r="MYY25" s="56"/>
      <c r="MYZ25" s="61"/>
      <c r="MZA25" s="61"/>
      <c r="MZB25" s="61"/>
      <c r="MZC25" s="61"/>
      <c r="MZD25" s="62"/>
      <c r="MZE25" s="56"/>
      <c r="MZF25" s="61"/>
      <c r="MZG25" s="61"/>
      <c r="MZH25" s="61"/>
      <c r="MZI25" s="61"/>
      <c r="MZJ25" s="62"/>
      <c r="MZK25" s="56"/>
      <c r="MZL25" s="61"/>
      <c r="MZM25" s="61"/>
      <c r="MZN25" s="61"/>
      <c r="MZO25" s="61"/>
      <c r="MZP25" s="62"/>
      <c r="MZQ25" s="56"/>
      <c r="MZR25" s="61"/>
      <c r="MZS25" s="61"/>
      <c r="MZT25" s="61"/>
      <c r="MZU25" s="61"/>
      <c r="MZV25" s="62"/>
      <c r="MZW25" s="56"/>
      <c r="MZX25" s="61"/>
      <c r="MZY25" s="61"/>
      <c r="MZZ25" s="61"/>
      <c r="NAA25" s="61"/>
      <c r="NAB25" s="62"/>
      <c r="NAC25" s="56"/>
      <c r="NAD25" s="61"/>
      <c r="NAE25" s="61"/>
      <c r="NAF25" s="61"/>
      <c r="NAG25" s="61"/>
      <c r="NAH25" s="62"/>
      <c r="NAI25" s="56"/>
      <c r="NAJ25" s="61"/>
      <c r="NAK25" s="61"/>
      <c r="NAL25" s="61"/>
      <c r="NAM25" s="61"/>
      <c r="NAN25" s="62"/>
      <c r="NAO25" s="56"/>
      <c r="NAP25" s="61"/>
      <c r="NAQ25" s="61"/>
      <c r="NAR25" s="61"/>
      <c r="NAS25" s="61"/>
      <c r="NAT25" s="62"/>
      <c r="NAU25" s="56"/>
      <c r="NAV25" s="61"/>
      <c r="NAW25" s="61"/>
      <c r="NAX25" s="61"/>
      <c r="NAY25" s="61"/>
      <c r="NAZ25" s="62"/>
      <c r="NBA25" s="56"/>
      <c r="NBB25" s="61"/>
      <c r="NBC25" s="61"/>
      <c r="NBD25" s="61"/>
      <c r="NBE25" s="61"/>
      <c r="NBF25" s="62"/>
      <c r="NBG25" s="56"/>
      <c r="NBH25" s="61"/>
      <c r="NBI25" s="61"/>
      <c r="NBJ25" s="61"/>
      <c r="NBK25" s="61"/>
      <c r="NBL25" s="62"/>
      <c r="NBM25" s="56"/>
      <c r="NBN25" s="61"/>
      <c r="NBO25" s="61"/>
      <c r="NBP25" s="61"/>
      <c r="NBQ25" s="61"/>
      <c r="NBR25" s="62"/>
      <c r="NBS25" s="56"/>
      <c r="NBT25" s="61"/>
      <c r="NBU25" s="61"/>
      <c r="NBV25" s="61"/>
      <c r="NBW25" s="61"/>
      <c r="NBX25" s="62"/>
      <c r="NBY25" s="56"/>
      <c r="NBZ25" s="61"/>
      <c r="NCA25" s="61"/>
      <c r="NCB25" s="61"/>
      <c r="NCC25" s="61"/>
      <c r="NCD25" s="62"/>
      <c r="NCE25" s="56"/>
      <c r="NCF25" s="61"/>
      <c r="NCG25" s="61"/>
      <c r="NCH25" s="61"/>
      <c r="NCI25" s="61"/>
      <c r="NCJ25" s="62"/>
      <c r="NCK25" s="56"/>
      <c r="NCL25" s="61"/>
      <c r="NCM25" s="61"/>
      <c r="NCN25" s="61"/>
      <c r="NCO25" s="61"/>
      <c r="NCP25" s="62"/>
      <c r="NCQ25" s="56"/>
      <c r="NCR25" s="61"/>
      <c r="NCS25" s="61"/>
      <c r="NCT25" s="61"/>
      <c r="NCU25" s="61"/>
      <c r="NCV25" s="62"/>
      <c r="NCW25" s="56"/>
      <c r="NCX25" s="61"/>
      <c r="NCY25" s="61"/>
      <c r="NCZ25" s="61"/>
      <c r="NDA25" s="61"/>
      <c r="NDB25" s="62"/>
      <c r="NDC25" s="56"/>
      <c r="NDD25" s="61"/>
      <c r="NDE25" s="61"/>
      <c r="NDF25" s="61"/>
      <c r="NDG25" s="61"/>
      <c r="NDH25" s="62"/>
      <c r="NDI25" s="56"/>
      <c r="NDJ25" s="61"/>
      <c r="NDK25" s="61"/>
      <c r="NDL25" s="61"/>
      <c r="NDM25" s="61"/>
      <c r="NDN25" s="62"/>
      <c r="NDO25" s="56"/>
      <c r="NDP25" s="61"/>
      <c r="NDQ25" s="61"/>
      <c r="NDR25" s="61"/>
      <c r="NDS25" s="61"/>
      <c r="NDT25" s="62"/>
      <c r="NDU25" s="56"/>
      <c r="NDV25" s="61"/>
      <c r="NDW25" s="61"/>
      <c r="NDX25" s="61"/>
      <c r="NDY25" s="61"/>
      <c r="NDZ25" s="62"/>
      <c r="NEA25" s="56"/>
      <c r="NEB25" s="61"/>
      <c r="NEC25" s="61"/>
      <c r="NED25" s="61"/>
      <c r="NEE25" s="61"/>
      <c r="NEF25" s="62"/>
      <c r="NEG25" s="56"/>
      <c r="NEH25" s="61"/>
      <c r="NEI25" s="61"/>
      <c r="NEJ25" s="61"/>
      <c r="NEK25" s="61"/>
      <c r="NEL25" s="62"/>
      <c r="NEM25" s="56"/>
      <c r="NEN25" s="61"/>
      <c r="NEO25" s="61"/>
      <c r="NEP25" s="61"/>
      <c r="NEQ25" s="61"/>
      <c r="NER25" s="62"/>
      <c r="NES25" s="56"/>
      <c r="NET25" s="61"/>
      <c r="NEU25" s="61"/>
      <c r="NEV25" s="61"/>
      <c r="NEW25" s="61"/>
      <c r="NEX25" s="62"/>
      <c r="NEY25" s="56"/>
      <c r="NEZ25" s="61"/>
      <c r="NFA25" s="61"/>
      <c r="NFB25" s="61"/>
      <c r="NFC25" s="61"/>
      <c r="NFD25" s="62"/>
      <c r="NFE25" s="56"/>
      <c r="NFF25" s="61"/>
      <c r="NFG25" s="61"/>
      <c r="NFH25" s="61"/>
      <c r="NFI25" s="61"/>
      <c r="NFJ25" s="62"/>
      <c r="NFK25" s="56"/>
      <c r="NFL25" s="61"/>
      <c r="NFM25" s="61"/>
      <c r="NFN25" s="61"/>
      <c r="NFO25" s="61"/>
      <c r="NFP25" s="62"/>
      <c r="NFQ25" s="56"/>
      <c r="NFR25" s="61"/>
      <c r="NFS25" s="61"/>
      <c r="NFT25" s="61"/>
      <c r="NFU25" s="61"/>
      <c r="NFV25" s="62"/>
      <c r="NFW25" s="56"/>
      <c r="NFX25" s="61"/>
      <c r="NFY25" s="61"/>
      <c r="NFZ25" s="61"/>
      <c r="NGA25" s="61"/>
      <c r="NGB25" s="62"/>
      <c r="NGC25" s="56"/>
      <c r="NGD25" s="61"/>
      <c r="NGE25" s="61"/>
      <c r="NGF25" s="61"/>
      <c r="NGG25" s="61"/>
      <c r="NGH25" s="62"/>
      <c r="NGI25" s="56"/>
      <c r="NGJ25" s="61"/>
      <c r="NGK25" s="61"/>
      <c r="NGL25" s="61"/>
      <c r="NGM25" s="61"/>
      <c r="NGN25" s="62"/>
      <c r="NGO25" s="56"/>
      <c r="NGP25" s="61"/>
      <c r="NGQ25" s="61"/>
      <c r="NGR25" s="61"/>
      <c r="NGS25" s="61"/>
      <c r="NGT25" s="62"/>
      <c r="NGU25" s="56"/>
      <c r="NGV25" s="61"/>
      <c r="NGW25" s="61"/>
      <c r="NGX25" s="61"/>
      <c r="NGY25" s="61"/>
      <c r="NGZ25" s="62"/>
      <c r="NHA25" s="56"/>
      <c r="NHB25" s="61"/>
      <c r="NHC25" s="61"/>
      <c r="NHD25" s="61"/>
      <c r="NHE25" s="61"/>
      <c r="NHF25" s="62"/>
      <c r="NHG25" s="56"/>
      <c r="NHH25" s="61"/>
      <c r="NHI25" s="61"/>
      <c r="NHJ25" s="61"/>
      <c r="NHK25" s="61"/>
      <c r="NHL25" s="62"/>
      <c r="NHM25" s="56"/>
      <c r="NHN25" s="61"/>
      <c r="NHO25" s="61"/>
      <c r="NHP25" s="61"/>
      <c r="NHQ25" s="61"/>
      <c r="NHR25" s="62"/>
      <c r="NHS25" s="56"/>
      <c r="NHT25" s="61"/>
      <c r="NHU25" s="61"/>
      <c r="NHV25" s="61"/>
      <c r="NHW25" s="61"/>
      <c r="NHX25" s="62"/>
      <c r="NHY25" s="56"/>
      <c r="NHZ25" s="61"/>
      <c r="NIA25" s="61"/>
      <c r="NIB25" s="61"/>
      <c r="NIC25" s="61"/>
      <c r="NID25" s="62"/>
      <c r="NIE25" s="56"/>
      <c r="NIF25" s="61"/>
      <c r="NIG25" s="61"/>
      <c r="NIH25" s="61"/>
      <c r="NII25" s="61"/>
      <c r="NIJ25" s="62"/>
      <c r="NIK25" s="56"/>
      <c r="NIL25" s="61"/>
      <c r="NIM25" s="61"/>
      <c r="NIN25" s="61"/>
      <c r="NIO25" s="61"/>
      <c r="NIP25" s="62"/>
      <c r="NIQ25" s="56"/>
      <c r="NIR25" s="61"/>
      <c r="NIS25" s="61"/>
      <c r="NIT25" s="61"/>
      <c r="NIU25" s="61"/>
      <c r="NIV25" s="62"/>
      <c r="NIW25" s="56"/>
      <c r="NIX25" s="61"/>
      <c r="NIY25" s="61"/>
      <c r="NIZ25" s="61"/>
      <c r="NJA25" s="61"/>
      <c r="NJB25" s="62"/>
      <c r="NJC25" s="56"/>
      <c r="NJD25" s="61"/>
      <c r="NJE25" s="61"/>
      <c r="NJF25" s="61"/>
      <c r="NJG25" s="61"/>
      <c r="NJH25" s="62"/>
      <c r="NJI25" s="56"/>
      <c r="NJJ25" s="61"/>
      <c r="NJK25" s="61"/>
      <c r="NJL25" s="61"/>
      <c r="NJM25" s="61"/>
      <c r="NJN25" s="62"/>
      <c r="NJO25" s="56"/>
      <c r="NJP25" s="61"/>
      <c r="NJQ25" s="61"/>
      <c r="NJR25" s="61"/>
      <c r="NJS25" s="61"/>
      <c r="NJT25" s="62"/>
      <c r="NJU25" s="56"/>
      <c r="NJV25" s="61"/>
      <c r="NJW25" s="61"/>
      <c r="NJX25" s="61"/>
      <c r="NJY25" s="61"/>
      <c r="NJZ25" s="62"/>
      <c r="NKA25" s="56"/>
      <c r="NKB25" s="61"/>
      <c r="NKC25" s="61"/>
      <c r="NKD25" s="61"/>
      <c r="NKE25" s="61"/>
      <c r="NKF25" s="62"/>
      <c r="NKG25" s="56"/>
      <c r="NKH25" s="61"/>
      <c r="NKI25" s="61"/>
      <c r="NKJ25" s="61"/>
      <c r="NKK25" s="61"/>
      <c r="NKL25" s="62"/>
      <c r="NKM25" s="56"/>
      <c r="NKN25" s="61"/>
      <c r="NKO25" s="61"/>
      <c r="NKP25" s="61"/>
      <c r="NKQ25" s="61"/>
      <c r="NKR25" s="62"/>
      <c r="NKS25" s="56"/>
      <c r="NKT25" s="61"/>
      <c r="NKU25" s="61"/>
      <c r="NKV25" s="61"/>
      <c r="NKW25" s="61"/>
      <c r="NKX25" s="62"/>
      <c r="NKY25" s="56"/>
      <c r="NKZ25" s="61"/>
      <c r="NLA25" s="61"/>
      <c r="NLB25" s="61"/>
      <c r="NLC25" s="61"/>
      <c r="NLD25" s="62"/>
      <c r="NLE25" s="56"/>
      <c r="NLF25" s="61"/>
      <c r="NLG25" s="61"/>
      <c r="NLH25" s="61"/>
      <c r="NLI25" s="61"/>
      <c r="NLJ25" s="62"/>
      <c r="NLK25" s="56"/>
      <c r="NLL25" s="61"/>
      <c r="NLM25" s="61"/>
      <c r="NLN25" s="61"/>
      <c r="NLO25" s="61"/>
      <c r="NLP25" s="62"/>
      <c r="NLQ25" s="56"/>
      <c r="NLR25" s="61"/>
      <c r="NLS25" s="61"/>
      <c r="NLT25" s="61"/>
      <c r="NLU25" s="61"/>
      <c r="NLV25" s="62"/>
      <c r="NLW25" s="56"/>
      <c r="NLX25" s="61"/>
      <c r="NLY25" s="61"/>
      <c r="NLZ25" s="61"/>
      <c r="NMA25" s="61"/>
      <c r="NMB25" s="62"/>
      <c r="NMC25" s="56"/>
      <c r="NMD25" s="61"/>
      <c r="NME25" s="61"/>
      <c r="NMF25" s="61"/>
      <c r="NMG25" s="61"/>
      <c r="NMH25" s="62"/>
      <c r="NMI25" s="56"/>
      <c r="NMJ25" s="61"/>
      <c r="NMK25" s="61"/>
      <c r="NML25" s="61"/>
      <c r="NMM25" s="61"/>
      <c r="NMN25" s="62"/>
      <c r="NMO25" s="56"/>
      <c r="NMP25" s="61"/>
      <c r="NMQ25" s="61"/>
      <c r="NMR25" s="61"/>
      <c r="NMS25" s="61"/>
      <c r="NMT25" s="62"/>
      <c r="NMU25" s="56"/>
      <c r="NMV25" s="61"/>
      <c r="NMW25" s="61"/>
      <c r="NMX25" s="61"/>
      <c r="NMY25" s="61"/>
      <c r="NMZ25" s="62"/>
      <c r="NNA25" s="56"/>
      <c r="NNB25" s="61"/>
      <c r="NNC25" s="61"/>
      <c r="NND25" s="61"/>
      <c r="NNE25" s="61"/>
      <c r="NNF25" s="62"/>
      <c r="NNG25" s="56"/>
      <c r="NNH25" s="61"/>
      <c r="NNI25" s="61"/>
      <c r="NNJ25" s="61"/>
      <c r="NNK25" s="61"/>
      <c r="NNL25" s="62"/>
      <c r="NNM25" s="56"/>
      <c r="NNN25" s="61"/>
      <c r="NNO25" s="61"/>
      <c r="NNP25" s="61"/>
      <c r="NNQ25" s="61"/>
      <c r="NNR25" s="62"/>
      <c r="NNS25" s="56"/>
      <c r="NNT25" s="61"/>
      <c r="NNU25" s="61"/>
      <c r="NNV25" s="61"/>
      <c r="NNW25" s="61"/>
      <c r="NNX25" s="62"/>
      <c r="NNY25" s="56"/>
      <c r="NNZ25" s="61"/>
      <c r="NOA25" s="61"/>
      <c r="NOB25" s="61"/>
      <c r="NOC25" s="61"/>
      <c r="NOD25" s="62"/>
      <c r="NOE25" s="56"/>
      <c r="NOF25" s="61"/>
      <c r="NOG25" s="61"/>
      <c r="NOH25" s="61"/>
      <c r="NOI25" s="61"/>
      <c r="NOJ25" s="62"/>
      <c r="NOK25" s="56"/>
      <c r="NOL25" s="61"/>
      <c r="NOM25" s="61"/>
      <c r="NON25" s="61"/>
      <c r="NOO25" s="61"/>
      <c r="NOP25" s="62"/>
      <c r="NOQ25" s="56"/>
      <c r="NOR25" s="61"/>
      <c r="NOS25" s="61"/>
      <c r="NOT25" s="61"/>
      <c r="NOU25" s="61"/>
      <c r="NOV25" s="62"/>
      <c r="NOW25" s="56"/>
      <c r="NOX25" s="61"/>
      <c r="NOY25" s="61"/>
      <c r="NOZ25" s="61"/>
      <c r="NPA25" s="61"/>
      <c r="NPB25" s="62"/>
      <c r="NPC25" s="56"/>
      <c r="NPD25" s="61"/>
      <c r="NPE25" s="61"/>
      <c r="NPF25" s="61"/>
      <c r="NPG25" s="61"/>
      <c r="NPH25" s="62"/>
      <c r="NPI25" s="56"/>
      <c r="NPJ25" s="61"/>
      <c r="NPK25" s="61"/>
      <c r="NPL25" s="61"/>
      <c r="NPM25" s="61"/>
      <c r="NPN25" s="62"/>
      <c r="NPO25" s="56"/>
      <c r="NPP25" s="61"/>
      <c r="NPQ25" s="61"/>
      <c r="NPR25" s="61"/>
      <c r="NPS25" s="61"/>
      <c r="NPT25" s="62"/>
      <c r="NPU25" s="56"/>
      <c r="NPV25" s="61"/>
      <c r="NPW25" s="61"/>
      <c r="NPX25" s="61"/>
      <c r="NPY25" s="61"/>
      <c r="NPZ25" s="62"/>
      <c r="NQA25" s="56"/>
      <c r="NQB25" s="61"/>
      <c r="NQC25" s="61"/>
      <c r="NQD25" s="61"/>
      <c r="NQE25" s="61"/>
      <c r="NQF25" s="62"/>
      <c r="NQG25" s="56"/>
      <c r="NQH25" s="61"/>
      <c r="NQI25" s="61"/>
      <c r="NQJ25" s="61"/>
      <c r="NQK25" s="61"/>
      <c r="NQL25" s="62"/>
      <c r="NQM25" s="56"/>
      <c r="NQN25" s="61"/>
      <c r="NQO25" s="61"/>
      <c r="NQP25" s="61"/>
      <c r="NQQ25" s="61"/>
      <c r="NQR25" s="62"/>
      <c r="NQS25" s="56"/>
      <c r="NQT25" s="61"/>
      <c r="NQU25" s="61"/>
      <c r="NQV25" s="61"/>
      <c r="NQW25" s="61"/>
      <c r="NQX25" s="62"/>
      <c r="NQY25" s="56"/>
      <c r="NQZ25" s="61"/>
      <c r="NRA25" s="61"/>
      <c r="NRB25" s="61"/>
      <c r="NRC25" s="61"/>
      <c r="NRD25" s="62"/>
      <c r="NRE25" s="56"/>
      <c r="NRF25" s="61"/>
      <c r="NRG25" s="61"/>
      <c r="NRH25" s="61"/>
      <c r="NRI25" s="61"/>
      <c r="NRJ25" s="62"/>
      <c r="NRK25" s="56"/>
      <c r="NRL25" s="61"/>
      <c r="NRM25" s="61"/>
      <c r="NRN25" s="61"/>
      <c r="NRO25" s="61"/>
      <c r="NRP25" s="62"/>
      <c r="NRQ25" s="56"/>
      <c r="NRR25" s="61"/>
      <c r="NRS25" s="61"/>
      <c r="NRT25" s="61"/>
      <c r="NRU25" s="61"/>
      <c r="NRV25" s="62"/>
      <c r="NRW25" s="56"/>
      <c r="NRX25" s="61"/>
      <c r="NRY25" s="61"/>
      <c r="NRZ25" s="61"/>
      <c r="NSA25" s="61"/>
      <c r="NSB25" s="62"/>
      <c r="NSC25" s="56"/>
      <c r="NSD25" s="61"/>
      <c r="NSE25" s="61"/>
      <c r="NSF25" s="61"/>
      <c r="NSG25" s="61"/>
      <c r="NSH25" s="62"/>
      <c r="NSI25" s="56"/>
      <c r="NSJ25" s="61"/>
      <c r="NSK25" s="61"/>
      <c r="NSL25" s="61"/>
      <c r="NSM25" s="61"/>
      <c r="NSN25" s="62"/>
      <c r="NSO25" s="56"/>
      <c r="NSP25" s="61"/>
      <c r="NSQ25" s="61"/>
      <c r="NSR25" s="61"/>
      <c r="NSS25" s="61"/>
      <c r="NST25" s="62"/>
      <c r="NSU25" s="56"/>
      <c r="NSV25" s="61"/>
      <c r="NSW25" s="61"/>
      <c r="NSX25" s="61"/>
      <c r="NSY25" s="61"/>
      <c r="NSZ25" s="62"/>
      <c r="NTA25" s="56"/>
      <c r="NTB25" s="61"/>
      <c r="NTC25" s="61"/>
      <c r="NTD25" s="61"/>
      <c r="NTE25" s="61"/>
      <c r="NTF25" s="62"/>
      <c r="NTG25" s="56"/>
      <c r="NTH25" s="61"/>
      <c r="NTI25" s="61"/>
      <c r="NTJ25" s="61"/>
      <c r="NTK25" s="61"/>
      <c r="NTL25" s="62"/>
      <c r="NTM25" s="56"/>
      <c r="NTN25" s="61"/>
      <c r="NTO25" s="61"/>
      <c r="NTP25" s="61"/>
      <c r="NTQ25" s="61"/>
      <c r="NTR25" s="62"/>
      <c r="NTS25" s="56"/>
      <c r="NTT25" s="61"/>
      <c r="NTU25" s="61"/>
      <c r="NTV25" s="61"/>
      <c r="NTW25" s="61"/>
      <c r="NTX25" s="62"/>
      <c r="NTY25" s="56"/>
      <c r="NTZ25" s="61"/>
      <c r="NUA25" s="61"/>
      <c r="NUB25" s="61"/>
      <c r="NUC25" s="61"/>
      <c r="NUD25" s="62"/>
      <c r="NUE25" s="56"/>
      <c r="NUF25" s="61"/>
      <c r="NUG25" s="61"/>
      <c r="NUH25" s="61"/>
      <c r="NUI25" s="61"/>
      <c r="NUJ25" s="62"/>
      <c r="NUK25" s="56"/>
      <c r="NUL25" s="61"/>
      <c r="NUM25" s="61"/>
      <c r="NUN25" s="61"/>
      <c r="NUO25" s="61"/>
      <c r="NUP25" s="62"/>
      <c r="NUQ25" s="56"/>
      <c r="NUR25" s="61"/>
      <c r="NUS25" s="61"/>
      <c r="NUT25" s="61"/>
      <c r="NUU25" s="61"/>
      <c r="NUV25" s="62"/>
      <c r="NUW25" s="56"/>
      <c r="NUX25" s="61"/>
      <c r="NUY25" s="61"/>
      <c r="NUZ25" s="61"/>
      <c r="NVA25" s="61"/>
      <c r="NVB25" s="62"/>
      <c r="NVC25" s="56"/>
      <c r="NVD25" s="61"/>
      <c r="NVE25" s="61"/>
      <c r="NVF25" s="61"/>
      <c r="NVG25" s="61"/>
      <c r="NVH25" s="62"/>
      <c r="NVI25" s="56"/>
      <c r="NVJ25" s="61"/>
      <c r="NVK25" s="61"/>
      <c r="NVL25" s="61"/>
      <c r="NVM25" s="61"/>
      <c r="NVN25" s="62"/>
      <c r="NVO25" s="56"/>
      <c r="NVP25" s="61"/>
      <c r="NVQ25" s="61"/>
      <c r="NVR25" s="61"/>
      <c r="NVS25" s="61"/>
      <c r="NVT25" s="62"/>
      <c r="NVU25" s="56"/>
      <c r="NVV25" s="61"/>
      <c r="NVW25" s="61"/>
      <c r="NVX25" s="61"/>
      <c r="NVY25" s="61"/>
      <c r="NVZ25" s="62"/>
      <c r="NWA25" s="56"/>
      <c r="NWB25" s="61"/>
      <c r="NWC25" s="61"/>
      <c r="NWD25" s="61"/>
      <c r="NWE25" s="61"/>
      <c r="NWF25" s="62"/>
      <c r="NWG25" s="56"/>
      <c r="NWH25" s="61"/>
      <c r="NWI25" s="61"/>
      <c r="NWJ25" s="61"/>
      <c r="NWK25" s="61"/>
      <c r="NWL25" s="62"/>
      <c r="NWM25" s="56"/>
      <c r="NWN25" s="61"/>
      <c r="NWO25" s="61"/>
      <c r="NWP25" s="61"/>
      <c r="NWQ25" s="61"/>
      <c r="NWR25" s="62"/>
      <c r="NWS25" s="56"/>
      <c r="NWT25" s="61"/>
      <c r="NWU25" s="61"/>
      <c r="NWV25" s="61"/>
      <c r="NWW25" s="61"/>
      <c r="NWX25" s="62"/>
      <c r="NWY25" s="56"/>
      <c r="NWZ25" s="61"/>
      <c r="NXA25" s="61"/>
      <c r="NXB25" s="61"/>
      <c r="NXC25" s="61"/>
      <c r="NXD25" s="62"/>
      <c r="NXE25" s="56"/>
      <c r="NXF25" s="61"/>
      <c r="NXG25" s="61"/>
      <c r="NXH25" s="61"/>
      <c r="NXI25" s="61"/>
      <c r="NXJ25" s="62"/>
      <c r="NXK25" s="56"/>
      <c r="NXL25" s="61"/>
      <c r="NXM25" s="61"/>
      <c r="NXN25" s="61"/>
      <c r="NXO25" s="61"/>
      <c r="NXP25" s="62"/>
      <c r="NXQ25" s="56"/>
      <c r="NXR25" s="61"/>
      <c r="NXS25" s="61"/>
      <c r="NXT25" s="61"/>
      <c r="NXU25" s="61"/>
      <c r="NXV25" s="62"/>
      <c r="NXW25" s="56"/>
      <c r="NXX25" s="61"/>
      <c r="NXY25" s="61"/>
      <c r="NXZ25" s="61"/>
      <c r="NYA25" s="61"/>
      <c r="NYB25" s="62"/>
      <c r="NYC25" s="56"/>
      <c r="NYD25" s="61"/>
      <c r="NYE25" s="61"/>
      <c r="NYF25" s="61"/>
      <c r="NYG25" s="61"/>
      <c r="NYH25" s="62"/>
      <c r="NYI25" s="56"/>
      <c r="NYJ25" s="61"/>
      <c r="NYK25" s="61"/>
      <c r="NYL25" s="61"/>
      <c r="NYM25" s="61"/>
      <c r="NYN25" s="62"/>
      <c r="NYO25" s="56"/>
      <c r="NYP25" s="61"/>
      <c r="NYQ25" s="61"/>
      <c r="NYR25" s="61"/>
      <c r="NYS25" s="61"/>
      <c r="NYT25" s="62"/>
      <c r="NYU25" s="56"/>
      <c r="NYV25" s="61"/>
      <c r="NYW25" s="61"/>
      <c r="NYX25" s="61"/>
      <c r="NYY25" s="61"/>
      <c r="NYZ25" s="62"/>
      <c r="NZA25" s="56"/>
      <c r="NZB25" s="61"/>
      <c r="NZC25" s="61"/>
      <c r="NZD25" s="61"/>
      <c r="NZE25" s="61"/>
      <c r="NZF25" s="62"/>
      <c r="NZG25" s="56"/>
      <c r="NZH25" s="61"/>
      <c r="NZI25" s="61"/>
      <c r="NZJ25" s="61"/>
      <c r="NZK25" s="61"/>
      <c r="NZL25" s="62"/>
      <c r="NZM25" s="56"/>
      <c r="NZN25" s="61"/>
      <c r="NZO25" s="61"/>
      <c r="NZP25" s="61"/>
      <c r="NZQ25" s="61"/>
      <c r="NZR25" s="62"/>
      <c r="NZS25" s="56"/>
      <c r="NZT25" s="61"/>
      <c r="NZU25" s="61"/>
      <c r="NZV25" s="61"/>
      <c r="NZW25" s="61"/>
      <c r="NZX25" s="62"/>
      <c r="NZY25" s="56"/>
      <c r="NZZ25" s="61"/>
      <c r="OAA25" s="61"/>
      <c r="OAB25" s="61"/>
      <c r="OAC25" s="61"/>
      <c r="OAD25" s="62"/>
      <c r="OAE25" s="56"/>
      <c r="OAF25" s="61"/>
      <c r="OAG25" s="61"/>
      <c r="OAH25" s="61"/>
      <c r="OAI25" s="61"/>
      <c r="OAJ25" s="62"/>
      <c r="OAK25" s="56"/>
      <c r="OAL25" s="61"/>
      <c r="OAM25" s="61"/>
      <c r="OAN25" s="61"/>
      <c r="OAO25" s="61"/>
      <c r="OAP25" s="62"/>
      <c r="OAQ25" s="56"/>
      <c r="OAR25" s="61"/>
      <c r="OAS25" s="61"/>
      <c r="OAT25" s="61"/>
      <c r="OAU25" s="61"/>
      <c r="OAV25" s="62"/>
      <c r="OAW25" s="56"/>
      <c r="OAX25" s="61"/>
      <c r="OAY25" s="61"/>
      <c r="OAZ25" s="61"/>
      <c r="OBA25" s="61"/>
      <c r="OBB25" s="62"/>
      <c r="OBC25" s="56"/>
      <c r="OBD25" s="61"/>
      <c r="OBE25" s="61"/>
      <c r="OBF25" s="61"/>
      <c r="OBG25" s="61"/>
      <c r="OBH25" s="62"/>
      <c r="OBI25" s="56"/>
      <c r="OBJ25" s="61"/>
      <c r="OBK25" s="61"/>
      <c r="OBL25" s="61"/>
      <c r="OBM25" s="61"/>
      <c r="OBN25" s="62"/>
      <c r="OBO25" s="56"/>
      <c r="OBP25" s="61"/>
      <c r="OBQ25" s="61"/>
      <c r="OBR25" s="61"/>
      <c r="OBS25" s="61"/>
      <c r="OBT25" s="62"/>
      <c r="OBU25" s="56"/>
      <c r="OBV25" s="61"/>
      <c r="OBW25" s="61"/>
      <c r="OBX25" s="61"/>
      <c r="OBY25" s="61"/>
      <c r="OBZ25" s="62"/>
      <c r="OCA25" s="56"/>
      <c r="OCB25" s="61"/>
      <c r="OCC25" s="61"/>
      <c r="OCD25" s="61"/>
      <c r="OCE25" s="61"/>
      <c r="OCF25" s="62"/>
      <c r="OCG25" s="56"/>
      <c r="OCH25" s="61"/>
      <c r="OCI25" s="61"/>
      <c r="OCJ25" s="61"/>
      <c r="OCK25" s="61"/>
      <c r="OCL25" s="62"/>
      <c r="OCM25" s="56"/>
      <c r="OCN25" s="61"/>
      <c r="OCO25" s="61"/>
      <c r="OCP25" s="61"/>
      <c r="OCQ25" s="61"/>
      <c r="OCR25" s="62"/>
      <c r="OCS25" s="56"/>
      <c r="OCT25" s="61"/>
      <c r="OCU25" s="61"/>
      <c r="OCV25" s="61"/>
      <c r="OCW25" s="61"/>
      <c r="OCX25" s="62"/>
      <c r="OCY25" s="56"/>
      <c r="OCZ25" s="61"/>
      <c r="ODA25" s="61"/>
      <c r="ODB25" s="61"/>
      <c r="ODC25" s="61"/>
      <c r="ODD25" s="62"/>
      <c r="ODE25" s="56"/>
      <c r="ODF25" s="61"/>
      <c r="ODG25" s="61"/>
      <c r="ODH25" s="61"/>
      <c r="ODI25" s="61"/>
      <c r="ODJ25" s="62"/>
      <c r="ODK25" s="56"/>
      <c r="ODL25" s="61"/>
      <c r="ODM25" s="61"/>
      <c r="ODN25" s="61"/>
      <c r="ODO25" s="61"/>
      <c r="ODP25" s="62"/>
      <c r="ODQ25" s="56"/>
      <c r="ODR25" s="61"/>
      <c r="ODS25" s="61"/>
      <c r="ODT25" s="61"/>
      <c r="ODU25" s="61"/>
      <c r="ODV25" s="62"/>
      <c r="ODW25" s="56"/>
      <c r="ODX25" s="61"/>
      <c r="ODY25" s="61"/>
      <c r="ODZ25" s="61"/>
      <c r="OEA25" s="61"/>
      <c r="OEB25" s="62"/>
      <c r="OEC25" s="56"/>
      <c r="OED25" s="61"/>
      <c r="OEE25" s="61"/>
      <c r="OEF25" s="61"/>
      <c r="OEG25" s="61"/>
      <c r="OEH25" s="62"/>
      <c r="OEI25" s="56"/>
      <c r="OEJ25" s="61"/>
      <c r="OEK25" s="61"/>
      <c r="OEL25" s="61"/>
      <c r="OEM25" s="61"/>
      <c r="OEN25" s="62"/>
      <c r="OEO25" s="56"/>
      <c r="OEP25" s="61"/>
      <c r="OEQ25" s="61"/>
      <c r="OER25" s="61"/>
      <c r="OES25" s="61"/>
      <c r="OET25" s="62"/>
      <c r="OEU25" s="56"/>
      <c r="OEV25" s="61"/>
      <c r="OEW25" s="61"/>
      <c r="OEX25" s="61"/>
      <c r="OEY25" s="61"/>
      <c r="OEZ25" s="62"/>
      <c r="OFA25" s="56"/>
      <c r="OFB25" s="61"/>
      <c r="OFC25" s="61"/>
      <c r="OFD25" s="61"/>
      <c r="OFE25" s="61"/>
      <c r="OFF25" s="62"/>
      <c r="OFG25" s="56"/>
      <c r="OFH25" s="61"/>
      <c r="OFI25" s="61"/>
      <c r="OFJ25" s="61"/>
      <c r="OFK25" s="61"/>
      <c r="OFL25" s="62"/>
      <c r="OFM25" s="56"/>
      <c r="OFN25" s="61"/>
      <c r="OFO25" s="61"/>
      <c r="OFP25" s="61"/>
      <c r="OFQ25" s="61"/>
      <c r="OFR25" s="62"/>
      <c r="OFS25" s="56"/>
      <c r="OFT25" s="61"/>
      <c r="OFU25" s="61"/>
      <c r="OFV25" s="61"/>
      <c r="OFW25" s="61"/>
      <c r="OFX25" s="62"/>
      <c r="OFY25" s="56"/>
      <c r="OFZ25" s="61"/>
      <c r="OGA25" s="61"/>
      <c r="OGB25" s="61"/>
      <c r="OGC25" s="61"/>
      <c r="OGD25" s="62"/>
      <c r="OGE25" s="56"/>
      <c r="OGF25" s="61"/>
      <c r="OGG25" s="61"/>
      <c r="OGH25" s="61"/>
      <c r="OGI25" s="61"/>
      <c r="OGJ25" s="62"/>
      <c r="OGK25" s="56"/>
      <c r="OGL25" s="61"/>
      <c r="OGM25" s="61"/>
      <c r="OGN25" s="61"/>
      <c r="OGO25" s="61"/>
      <c r="OGP25" s="62"/>
      <c r="OGQ25" s="56"/>
      <c r="OGR25" s="61"/>
      <c r="OGS25" s="61"/>
      <c r="OGT25" s="61"/>
      <c r="OGU25" s="61"/>
      <c r="OGV25" s="62"/>
      <c r="OGW25" s="56"/>
      <c r="OGX25" s="61"/>
      <c r="OGY25" s="61"/>
      <c r="OGZ25" s="61"/>
      <c r="OHA25" s="61"/>
      <c r="OHB25" s="62"/>
      <c r="OHC25" s="56"/>
      <c r="OHD25" s="61"/>
      <c r="OHE25" s="61"/>
      <c r="OHF25" s="61"/>
      <c r="OHG25" s="61"/>
      <c r="OHH25" s="62"/>
      <c r="OHI25" s="56"/>
      <c r="OHJ25" s="61"/>
      <c r="OHK25" s="61"/>
      <c r="OHL25" s="61"/>
      <c r="OHM25" s="61"/>
      <c r="OHN25" s="62"/>
      <c r="OHO25" s="56"/>
      <c r="OHP25" s="61"/>
      <c r="OHQ25" s="61"/>
      <c r="OHR25" s="61"/>
      <c r="OHS25" s="61"/>
      <c r="OHT25" s="62"/>
      <c r="OHU25" s="56"/>
      <c r="OHV25" s="61"/>
      <c r="OHW25" s="61"/>
      <c r="OHX25" s="61"/>
      <c r="OHY25" s="61"/>
      <c r="OHZ25" s="62"/>
      <c r="OIA25" s="56"/>
      <c r="OIB25" s="61"/>
      <c r="OIC25" s="61"/>
      <c r="OID25" s="61"/>
      <c r="OIE25" s="61"/>
      <c r="OIF25" s="62"/>
      <c r="OIG25" s="56"/>
      <c r="OIH25" s="61"/>
      <c r="OII25" s="61"/>
      <c r="OIJ25" s="61"/>
      <c r="OIK25" s="61"/>
      <c r="OIL25" s="62"/>
      <c r="OIM25" s="56"/>
      <c r="OIN25" s="61"/>
      <c r="OIO25" s="61"/>
      <c r="OIP25" s="61"/>
      <c r="OIQ25" s="61"/>
      <c r="OIR25" s="62"/>
      <c r="OIS25" s="56"/>
      <c r="OIT25" s="61"/>
      <c r="OIU25" s="61"/>
      <c r="OIV25" s="61"/>
      <c r="OIW25" s="61"/>
      <c r="OIX25" s="62"/>
      <c r="OIY25" s="56"/>
      <c r="OIZ25" s="61"/>
      <c r="OJA25" s="61"/>
      <c r="OJB25" s="61"/>
      <c r="OJC25" s="61"/>
      <c r="OJD25" s="62"/>
      <c r="OJE25" s="56"/>
      <c r="OJF25" s="61"/>
      <c r="OJG25" s="61"/>
      <c r="OJH25" s="61"/>
      <c r="OJI25" s="61"/>
      <c r="OJJ25" s="62"/>
      <c r="OJK25" s="56"/>
      <c r="OJL25" s="61"/>
      <c r="OJM25" s="61"/>
      <c r="OJN25" s="61"/>
      <c r="OJO25" s="61"/>
      <c r="OJP25" s="62"/>
      <c r="OJQ25" s="56"/>
      <c r="OJR25" s="61"/>
      <c r="OJS25" s="61"/>
      <c r="OJT25" s="61"/>
      <c r="OJU25" s="61"/>
      <c r="OJV25" s="62"/>
      <c r="OJW25" s="56"/>
      <c r="OJX25" s="61"/>
      <c r="OJY25" s="61"/>
      <c r="OJZ25" s="61"/>
      <c r="OKA25" s="61"/>
      <c r="OKB25" s="62"/>
      <c r="OKC25" s="56"/>
      <c r="OKD25" s="61"/>
      <c r="OKE25" s="61"/>
      <c r="OKF25" s="61"/>
      <c r="OKG25" s="61"/>
      <c r="OKH25" s="62"/>
      <c r="OKI25" s="56"/>
      <c r="OKJ25" s="61"/>
      <c r="OKK25" s="61"/>
      <c r="OKL25" s="61"/>
      <c r="OKM25" s="61"/>
      <c r="OKN25" s="62"/>
      <c r="OKO25" s="56"/>
      <c r="OKP25" s="61"/>
      <c r="OKQ25" s="61"/>
      <c r="OKR25" s="61"/>
      <c r="OKS25" s="61"/>
      <c r="OKT25" s="62"/>
      <c r="OKU25" s="56"/>
      <c r="OKV25" s="61"/>
      <c r="OKW25" s="61"/>
      <c r="OKX25" s="61"/>
      <c r="OKY25" s="61"/>
      <c r="OKZ25" s="62"/>
      <c r="OLA25" s="56"/>
      <c r="OLB25" s="61"/>
      <c r="OLC25" s="61"/>
      <c r="OLD25" s="61"/>
      <c r="OLE25" s="61"/>
      <c r="OLF25" s="62"/>
      <c r="OLG25" s="56"/>
      <c r="OLH25" s="61"/>
      <c r="OLI25" s="61"/>
      <c r="OLJ25" s="61"/>
      <c r="OLK25" s="61"/>
      <c r="OLL25" s="62"/>
      <c r="OLM25" s="56"/>
      <c r="OLN25" s="61"/>
      <c r="OLO25" s="61"/>
      <c r="OLP25" s="61"/>
      <c r="OLQ25" s="61"/>
      <c r="OLR25" s="62"/>
      <c r="OLS25" s="56"/>
      <c r="OLT25" s="61"/>
      <c r="OLU25" s="61"/>
      <c r="OLV25" s="61"/>
      <c r="OLW25" s="61"/>
      <c r="OLX25" s="62"/>
      <c r="OLY25" s="56"/>
      <c r="OLZ25" s="61"/>
      <c r="OMA25" s="61"/>
      <c r="OMB25" s="61"/>
      <c r="OMC25" s="61"/>
      <c r="OMD25" s="62"/>
      <c r="OME25" s="56"/>
      <c r="OMF25" s="61"/>
      <c r="OMG25" s="61"/>
      <c r="OMH25" s="61"/>
      <c r="OMI25" s="61"/>
      <c r="OMJ25" s="62"/>
      <c r="OMK25" s="56"/>
      <c r="OML25" s="61"/>
      <c r="OMM25" s="61"/>
      <c r="OMN25" s="61"/>
      <c r="OMO25" s="61"/>
      <c r="OMP25" s="62"/>
      <c r="OMQ25" s="56"/>
      <c r="OMR25" s="61"/>
      <c r="OMS25" s="61"/>
      <c r="OMT25" s="61"/>
      <c r="OMU25" s="61"/>
      <c r="OMV25" s="62"/>
      <c r="OMW25" s="56"/>
      <c r="OMX25" s="61"/>
      <c r="OMY25" s="61"/>
      <c r="OMZ25" s="61"/>
      <c r="ONA25" s="61"/>
      <c r="ONB25" s="62"/>
      <c r="ONC25" s="56"/>
      <c r="OND25" s="61"/>
      <c r="ONE25" s="61"/>
      <c r="ONF25" s="61"/>
      <c r="ONG25" s="61"/>
      <c r="ONH25" s="62"/>
      <c r="ONI25" s="56"/>
      <c r="ONJ25" s="61"/>
      <c r="ONK25" s="61"/>
      <c r="ONL25" s="61"/>
      <c r="ONM25" s="61"/>
      <c r="ONN25" s="62"/>
      <c r="ONO25" s="56"/>
      <c r="ONP25" s="61"/>
      <c r="ONQ25" s="61"/>
      <c r="ONR25" s="61"/>
      <c r="ONS25" s="61"/>
      <c r="ONT25" s="62"/>
      <c r="ONU25" s="56"/>
      <c r="ONV25" s="61"/>
      <c r="ONW25" s="61"/>
      <c r="ONX25" s="61"/>
      <c r="ONY25" s="61"/>
      <c r="ONZ25" s="62"/>
      <c r="OOA25" s="56"/>
      <c r="OOB25" s="61"/>
      <c r="OOC25" s="61"/>
      <c r="OOD25" s="61"/>
      <c r="OOE25" s="61"/>
      <c r="OOF25" s="62"/>
      <c r="OOG25" s="56"/>
      <c r="OOH25" s="61"/>
      <c r="OOI25" s="61"/>
      <c r="OOJ25" s="61"/>
      <c r="OOK25" s="61"/>
      <c r="OOL25" s="62"/>
      <c r="OOM25" s="56"/>
      <c r="OON25" s="61"/>
      <c r="OOO25" s="61"/>
      <c r="OOP25" s="61"/>
      <c r="OOQ25" s="61"/>
      <c r="OOR25" s="62"/>
      <c r="OOS25" s="56"/>
      <c r="OOT25" s="61"/>
      <c r="OOU25" s="61"/>
      <c r="OOV25" s="61"/>
      <c r="OOW25" s="61"/>
      <c r="OOX25" s="62"/>
      <c r="OOY25" s="56"/>
      <c r="OOZ25" s="61"/>
      <c r="OPA25" s="61"/>
      <c r="OPB25" s="61"/>
      <c r="OPC25" s="61"/>
      <c r="OPD25" s="62"/>
      <c r="OPE25" s="56"/>
      <c r="OPF25" s="61"/>
      <c r="OPG25" s="61"/>
      <c r="OPH25" s="61"/>
      <c r="OPI25" s="61"/>
      <c r="OPJ25" s="62"/>
      <c r="OPK25" s="56"/>
      <c r="OPL25" s="61"/>
      <c r="OPM25" s="61"/>
      <c r="OPN25" s="61"/>
      <c r="OPO25" s="61"/>
      <c r="OPP25" s="62"/>
      <c r="OPQ25" s="56"/>
      <c r="OPR25" s="61"/>
      <c r="OPS25" s="61"/>
      <c r="OPT25" s="61"/>
      <c r="OPU25" s="61"/>
      <c r="OPV25" s="62"/>
      <c r="OPW25" s="56"/>
      <c r="OPX25" s="61"/>
      <c r="OPY25" s="61"/>
      <c r="OPZ25" s="61"/>
      <c r="OQA25" s="61"/>
      <c r="OQB25" s="62"/>
      <c r="OQC25" s="56"/>
      <c r="OQD25" s="61"/>
      <c r="OQE25" s="61"/>
      <c r="OQF25" s="61"/>
      <c r="OQG25" s="61"/>
      <c r="OQH25" s="62"/>
      <c r="OQI25" s="56"/>
      <c r="OQJ25" s="61"/>
      <c r="OQK25" s="61"/>
      <c r="OQL25" s="61"/>
      <c r="OQM25" s="61"/>
      <c r="OQN25" s="62"/>
      <c r="OQO25" s="56"/>
      <c r="OQP25" s="61"/>
      <c r="OQQ25" s="61"/>
      <c r="OQR25" s="61"/>
      <c r="OQS25" s="61"/>
      <c r="OQT25" s="62"/>
      <c r="OQU25" s="56"/>
      <c r="OQV25" s="61"/>
      <c r="OQW25" s="61"/>
      <c r="OQX25" s="61"/>
      <c r="OQY25" s="61"/>
      <c r="OQZ25" s="62"/>
      <c r="ORA25" s="56"/>
      <c r="ORB25" s="61"/>
      <c r="ORC25" s="61"/>
      <c r="ORD25" s="61"/>
      <c r="ORE25" s="61"/>
      <c r="ORF25" s="62"/>
      <c r="ORG25" s="56"/>
      <c r="ORH25" s="61"/>
      <c r="ORI25" s="61"/>
      <c r="ORJ25" s="61"/>
      <c r="ORK25" s="61"/>
      <c r="ORL25" s="62"/>
      <c r="ORM25" s="56"/>
      <c r="ORN25" s="61"/>
      <c r="ORO25" s="61"/>
      <c r="ORP25" s="61"/>
      <c r="ORQ25" s="61"/>
      <c r="ORR25" s="62"/>
      <c r="ORS25" s="56"/>
      <c r="ORT25" s="61"/>
      <c r="ORU25" s="61"/>
      <c r="ORV25" s="61"/>
      <c r="ORW25" s="61"/>
      <c r="ORX25" s="62"/>
      <c r="ORY25" s="56"/>
      <c r="ORZ25" s="61"/>
      <c r="OSA25" s="61"/>
      <c r="OSB25" s="61"/>
      <c r="OSC25" s="61"/>
      <c r="OSD25" s="62"/>
      <c r="OSE25" s="56"/>
      <c r="OSF25" s="61"/>
      <c r="OSG25" s="61"/>
      <c r="OSH25" s="61"/>
      <c r="OSI25" s="61"/>
      <c r="OSJ25" s="62"/>
      <c r="OSK25" s="56"/>
      <c r="OSL25" s="61"/>
      <c r="OSM25" s="61"/>
      <c r="OSN25" s="61"/>
      <c r="OSO25" s="61"/>
      <c r="OSP25" s="62"/>
      <c r="OSQ25" s="56"/>
      <c r="OSR25" s="61"/>
      <c r="OSS25" s="61"/>
      <c r="OST25" s="61"/>
      <c r="OSU25" s="61"/>
      <c r="OSV25" s="62"/>
      <c r="OSW25" s="56"/>
      <c r="OSX25" s="61"/>
      <c r="OSY25" s="61"/>
      <c r="OSZ25" s="61"/>
      <c r="OTA25" s="61"/>
      <c r="OTB25" s="62"/>
      <c r="OTC25" s="56"/>
      <c r="OTD25" s="61"/>
      <c r="OTE25" s="61"/>
      <c r="OTF25" s="61"/>
      <c r="OTG25" s="61"/>
      <c r="OTH25" s="62"/>
      <c r="OTI25" s="56"/>
      <c r="OTJ25" s="61"/>
      <c r="OTK25" s="61"/>
      <c r="OTL25" s="61"/>
      <c r="OTM25" s="61"/>
      <c r="OTN25" s="62"/>
      <c r="OTO25" s="56"/>
      <c r="OTP25" s="61"/>
      <c r="OTQ25" s="61"/>
      <c r="OTR25" s="61"/>
      <c r="OTS25" s="61"/>
      <c r="OTT25" s="62"/>
      <c r="OTU25" s="56"/>
      <c r="OTV25" s="61"/>
      <c r="OTW25" s="61"/>
      <c r="OTX25" s="61"/>
      <c r="OTY25" s="61"/>
      <c r="OTZ25" s="62"/>
      <c r="OUA25" s="56"/>
      <c r="OUB25" s="61"/>
      <c r="OUC25" s="61"/>
      <c r="OUD25" s="61"/>
      <c r="OUE25" s="61"/>
      <c r="OUF25" s="62"/>
      <c r="OUG25" s="56"/>
      <c r="OUH25" s="61"/>
      <c r="OUI25" s="61"/>
      <c r="OUJ25" s="61"/>
      <c r="OUK25" s="61"/>
      <c r="OUL25" s="62"/>
      <c r="OUM25" s="56"/>
      <c r="OUN25" s="61"/>
      <c r="OUO25" s="61"/>
      <c r="OUP25" s="61"/>
      <c r="OUQ25" s="61"/>
      <c r="OUR25" s="62"/>
      <c r="OUS25" s="56"/>
      <c r="OUT25" s="61"/>
      <c r="OUU25" s="61"/>
      <c r="OUV25" s="61"/>
      <c r="OUW25" s="61"/>
      <c r="OUX25" s="62"/>
      <c r="OUY25" s="56"/>
      <c r="OUZ25" s="61"/>
      <c r="OVA25" s="61"/>
      <c r="OVB25" s="61"/>
      <c r="OVC25" s="61"/>
      <c r="OVD25" s="62"/>
      <c r="OVE25" s="56"/>
      <c r="OVF25" s="61"/>
      <c r="OVG25" s="61"/>
      <c r="OVH25" s="61"/>
      <c r="OVI25" s="61"/>
      <c r="OVJ25" s="62"/>
      <c r="OVK25" s="56"/>
      <c r="OVL25" s="61"/>
      <c r="OVM25" s="61"/>
      <c r="OVN25" s="61"/>
      <c r="OVO25" s="61"/>
      <c r="OVP25" s="62"/>
      <c r="OVQ25" s="56"/>
      <c r="OVR25" s="61"/>
      <c r="OVS25" s="61"/>
      <c r="OVT25" s="61"/>
      <c r="OVU25" s="61"/>
      <c r="OVV25" s="62"/>
      <c r="OVW25" s="56"/>
      <c r="OVX25" s="61"/>
      <c r="OVY25" s="61"/>
      <c r="OVZ25" s="61"/>
      <c r="OWA25" s="61"/>
      <c r="OWB25" s="62"/>
      <c r="OWC25" s="56"/>
      <c r="OWD25" s="61"/>
      <c r="OWE25" s="61"/>
      <c r="OWF25" s="61"/>
      <c r="OWG25" s="61"/>
      <c r="OWH25" s="62"/>
      <c r="OWI25" s="56"/>
      <c r="OWJ25" s="61"/>
      <c r="OWK25" s="61"/>
      <c r="OWL25" s="61"/>
      <c r="OWM25" s="61"/>
      <c r="OWN25" s="62"/>
      <c r="OWO25" s="56"/>
      <c r="OWP25" s="61"/>
      <c r="OWQ25" s="61"/>
      <c r="OWR25" s="61"/>
      <c r="OWS25" s="61"/>
      <c r="OWT25" s="62"/>
      <c r="OWU25" s="56"/>
      <c r="OWV25" s="61"/>
      <c r="OWW25" s="61"/>
      <c r="OWX25" s="61"/>
      <c r="OWY25" s="61"/>
      <c r="OWZ25" s="62"/>
      <c r="OXA25" s="56"/>
      <c r="OXB25" s="61"/>
      <c r="OXC25" s="61"/>
      <c r="OXD25" s="61"/>
      <c r="OXE25" s="61"/>
      <c r="OXF25" s="62"/>
      <c r="OXG25" s="56"/>
      <c r="OXH25" s="61"/>
      <c r="OXI25" s="61"/>
      <c r="OXJ25" s="61"/>
      <c r="OXK25" s="61"/>
      <c r="OXL25" s="62"/>
      <c r="OXM25" s="56"/>
      <c r="OXN25" s="61"/>
      <c r="OXO25" s="61"/>
      <c r="OXP25" s="61"/>
      <c r="OXQ25" s="61"/>
      <c r="OXR25" s="62"/>
      <c r="OXS25" s="56"/>
      <c r="OXT25" s="61"/>
      <c r="OXU25" s="61"/>
      <c r="OXV25" s="61"/>
      <c r="OXW25" s="61"/>
      <c r="OXX25" s="62"/>
      <c r="OXY25" s="56"/>
      <c r="OXZ25" s="61"/>
      <c r="OYA25" s="61"/>
      <c r="OYB25" s="61"/>
      <c r="OYC25" s="61"/>
      <c r="OYD25" s="62"/>
      <c r="OYE25" s="56"/>
      <c r="OYF25" s="61"/>
      <c r="OYG25" s="61"/>
      <c r="OYH25" s="61"/>
      <c r="OYI25" s="61"/>
      <c r="OYJ25" s="62"/>
      <c r="OYK25" s="56"/>
      <c r="OYL25" s="61"/>
      <c r="OYM25" s="61"/>
      <c r="OYN25" s="61"/>
      <c r="OYO25" s="61"/>
      <c r="OYP25" s="62"/>
      <c r="OYQ25" s="56"/>
      <c r="OYR25" s="61"/>
      <c r="OYS25" s="61"/>
      <c r="OYT25" s="61"/>
      <c r="OYU25" s="61"/>
      <c r="OYV25" s="62"/>
      <c r="OYW25" s="56"/>
      <c r="OYX25" s="61"/>
      <c r="OYY25" s="61"/>
      <c r="OYZ25" s="61"/>
      <c r="OZA25" s="61"/>
      <c r="OZB25" s="62"/>
      <c r="OZC25" s="56"/>
      <c r="OZD25" s="61"/>
      <c r="OZE25" s="61"/>
      <c r="OZF25" s="61"/>
      <c r="OZG25" s="61"/>
      <c r="OZH25" s="62"/>
      <c r="OZI25" s="56"/>
      <c r="OZJ25" s="61"/>
      <c r="OZK25" s="61"/>
      <c r="OZL25" s="61"/>
      <c r="OZM25" s="61"/>
      <c r="OZN25" s="62"/>
      <c r="OZO25" s="56"/>
      <c r="OZP25" s="61"/>
      <c r="OZQ25" s="61"/>
      <c r="OZR25" s="61"/>
      <c r="OZS25" s="61"/>
      <c r="OZT25" s="62"/>
      <c r="OZU25" s="56"/>
      <c r="OZV25" s="61"/>
      <c r="OZW25" s="61"/>
      <c r="OZX25" s="61"/>
      <c r="OZY25" s="61"/>
      <c r="OZZ25" s="62"/>
      <c r="PAA25" s="56"/>
      <c r="PAB25" s="61"/>
      <c r="PAC25" s="61"/>
      <c r="PAD25" s="61"/>
      <c r="PAE25" s="61"/>
      <c r="PAF25" s="62"/>
      <c r="PAG25" s="56"/>
      <c r="PAH25" s="61"/>
      <c r="PAI25" s="61"/>
      <c r="PAJ25" s="61"/>
      <c r="PAK25" s="61"/>
      <c r="PAL25" s="62"/>
      <c r="PAM25" s="56"/>
      <c r="PAN25" s="61"/>
      <c r="PAO25" s="61"/>
      <c r="PAP25" s="61"/>
      <c r="PAQ25" s="61"/>
      <c r="PAR25" s="62"/>
      <c r="PAS25" s="56"/>
      <c r="PAT25" s="61"/>
      <c r="PAU25" s="61"/>
      <c r="PAV25" s="61"/>
      <c r="PAW25" s="61"/>
      <c r="PAX25" s="62"/>
      <c r="PAY25" s="56"/>
      <c r="PAZ25" s="61"/>
      <c r="PBA25" s="61"/>
      <c r="PBB25" s="61"/>
      <c r="PBC25" s="61"/>
      <c r="PBD25" s="62"/>
      <c r="PBE25" s="56"/>
      <c r="PBF25" s="61"/>
      <c r="PBG25" s="61"/>
      <c r="PBH25" s="61"/>
      <c r="PBI25" s="61"/>
      <c r="PBJ25" s="62"/>
      <c r="PBK25" s="56"/>
      <c r="PBL25" s="61"/>
      <c r="PBM25" s="61"/>
      <c r="PBN25" s="61"/>
      <c r="PBO25" s="61"/>
      <c r="PBP25" s="62"/>
      <c r="PBQ25" s="56"/>
      <c r="PBR25" s="61"/>
      <c r="PBS25" s="61"/>
      <c r="PBT25" s="61"/>
      <c r="PBU25" s="61"/>
      <c r="PBV25" s="62"/>
      <c r="PBW25" s="56"/>
      <c r="PBX25" s="61"/>
      <c r="PBY25" s="61"/>
      <c r="PBZ25" s="61"/>
      <c r="PCA25" s="61"/>
      <c r="PCB25" s="62"/>
      <c r="PCC25" s="56"/>
      <c r="PCD25" s="61"/>
      <c r="PCE25" s="61"/>
      <c r="PCF25" s="61"/>
      <c r="PCG25" s="61"/>
      <c r="PCH25" s="62"/>
      <c r="PCI25" s="56"/>
      <c r="PCJ25" s="61"/>
      <c r="PCK25" s="61"/>
      <c r="PCL25" s="61"/>
      <c r="PCM25" s="61"/>
      <c r="PCN25" s="62"/>
      <c r="PCO25" s="56"/>
      <c r="PCP25" s="61"/>
      <c r="PCQ25" s="61"/>
      <c r="PCR25" s="61"/>
      <c r="PCS25" s="61"/>
      <c r="PCT25" s="62"/>
      <c r="PCU25" s="56"/>
      <c r="PCV25" s="61"/>
      <c r="PCW25" s="61"/>
      <c r="PCX25" s="61"/>
      <c r="PCY25" s="61"/>
      <c r="PCZ25" s="62"/>
      <c r="PDA25" s="56"/>
      <c r="PDB25" s="61"/>
      <c r="PDC25" s="61"/>
      <c r="PDD25" s="61"/>
      <c r="PDE25" s="61"/>
      <c r="PDF25" s="62"/>
      <c r="PDG25" s="56"/>
      <c r="PDH25" s="61"/>
      <c r="PDI25" s="61"/>
      <c r="PDJ25" s="61"/>
      <c r="PDK25" s="61"/>
      <c r="PDL25" s="62"/>
      <c r="PDM25" s="56"/>
      <c r="PDN25" s="61"/>
      <c r="PDO25" s="61"/>
      <c r="PDP25" s="61"/>
      <c r="PDQ25" s="61"/>
      <c r="PDR25" s="62"/>
      <c r="PDS25" s="56"/>
      <c r="PDT25" s="61"/>
      <c r="PDU25" s="61"/>
      <c r="PDV25" s="61"/>
      <c r="PDW25" s="61"/>
      <c r="PDX25" s="62"/>
      <c r="PDY25" s="56"/>
      <c r="PDZ25" s="61"/>
      <c r="PEA25" s="61"/>
      <c r="PEB25" s="61"/>
      <c r="PEC25" s="61"/>
      <c r="PED25" s="62"/>
      <c r="PEE25" s="56"/>
      <c r="PEF25" s="61"/>
      <c r="PEG25" s="61"/>
      <c r="PEH25" s="61"/>
      <c r="PEI25" s="61"/>
      <c r="PEJ25" s="62"/>
      <c r="PEK25" s="56"/>
      <c r="PEL25" s="61"/>
      <c r="PEM25" s="61"/>
      <c r="PEN25" s="61"/>
      <c r="PEO25" s="61"/>
      <c r="PEP25" s="62"/>
      <c r="PEQ25" s="56"/>
      <c r="PER25" s="61"/>
      <c r="PES25" s="61"/>
      <c r="PET25" s="61"/>
      <c r="PEU25" s="61"/>
      <c r="PEV25" s="62"/>
      <c r="PEW25" s="56"/>
      <c r="PEX25" s="61"/>
      <c r="PEY25" s="61"/>
      <c r="PEZ25" s="61"/>
      <c r="PFA25" s="61"/>
      <c r="PFB25" s="62"/>
      <c r="PFC25" s="56"/>
      <c r="PFD25" s="61"/>
      <c r="PFE25" s="61"/>
      <c r="PFF25" s="61"/>
      <c r="PFG25" s="61"/>
      <c r="PFH25" s="62"/>
      <c r="PFI25" s="56"/>
      <c r="PFJ25" s="61"/>
      <c r="PFK25" s="61"/>
      <c r="PFL25" s="61"/>
      <c r="PFM25" s="61"/>
      <c r="PFN25" s="62"/>
      <c r="PFO25" s="56"/>
      <c r="PFP25" s="61"/>
      <c r="PFQ25" s="61"/>
      <c r="PFR25" s="61"/>
      <c r="PFS25" s="61"/>
      <c r="PFT25" s="62"/>
      <c r="PFU25" s="56"/>
      <c r="PFV25" s="61"/>
      <c r="PFW25" s="61"/>
      <c r="PFX25" s="61"/>
      <c r="PFY25" s="61"/>
      <c r="PFZ25" s="62"/>
      <c r="PGA25" s="56"/>
      <c r="PGB25" s="61"/>
      <c r="PGC25" s="61"/>
      <c r="PGD25" s="61"/>
      <c r="PGE25" s="61"/>
      <c r="PGF25" s="62"/>
      <c r="PGG25" s="56"/>
      <c r="PGH25" s="61"/>
      <c r="PGI25" s="61"/>
      <c r="PGJ25" s="61"/>
      <c r="PGK25" s="61"/>
      <c r="PGL25" s="62"/>
      <c r="PGM25" s="56"/>
      <c r="PGN25" s="61"/>
      <c r="PGO25" s="61"/>
      <c r="PGP25" s="61"/>
      <c r="PGQ25" s="61"/>
      <c r="PGR25" s="62"/>
      <c r="PGS25" s="56"/>
      <c r="PGT25" s="61"/>
      <c r="PGU25" s="61"/>
      <c r="PGV25" s="61"/>
      <c r="PGW25" s="61"/>
      <c r="PGX25" s="62"/>
      <c r="PGY25" s="56"/>
      <c r="PGZ25" s="61"/>
      <c r="PHA25" s="61"/>
      <c r="PHB25" s="61"/>
      <c r="PHC25" s="61"/>
      <c r="PHD25" s="62"/>
      <c r="PHE25" s="56"/>
      <c r="PHF25" s="61"/>
      <c r="PHG25" s="61"/>
      <c r="PHH25" s="61"/>
      <c r="PHI25" s="61"/>
      <c r="PHJ25" s="62"/>
      <c r="PHK25" s="56"/>
      <c r="PHL25" s="61"/>
      <c r="PHM25" s="61"/>
      <c r="PHN25" s="61"/>
      <c r="PHO25" s="61"/>
      <c r="PHP25" s="62"/>
      <c r="PHQ25" s="56"/>
      <c r="PHR25" s="61"/>
      <c r="PHS25" s="61"/>
      <c r="PHT25" s="61"/>
      <c r="PHU25" s="61"/>
      <c r="PHV25" s="62"/>
      <c r="PHW25" s="56"/>
      <c r="PHX25" s="61"/>
      <c r="PHY25" s="61"/>
      <c r="PHZ25" s="61"/>
      <c r="PIA25" s="61"/>
      <c r="PIB25" s="62"/>
      <c r="PIC25" s="56"/>
      <c r="PID25" s="61"/>
      <c r="PIE25" s="61"/>
      <c r="PIF25" s="61"/>
      <c r="PIG25" s="61"/>
      <c r="PIH25" s="62"/>
      <c r="PII25" s="56"/>
      <c r="PIJ25" s="61"/>
      <c r="PIK25" s="61"/>
      <c r="PIL25" s="61"/>
      <c r="PIM25" s="61"/>
      <c r="PIN25" s="62"/>
      <c r="PIO25" s="56"/>
      <c r="PIP25" s="61"/>
      <c r="PIQ25" s="61"/>
      <c r="PIR25" s="61"/>
      <c r="PIS25" s="61"/>
      <c r="PIT25" s="62"/>
      <c r="PIU25" s="56"/>
      <c r="PIV25" s="61"/>
      <c r="PIW25" s="61"/>
      <c r="PIX25" s="61"/>
      <c r="PIY25" s="61"/>
      <c r="PIZ25" s="62"/>
      <c r="PJA25" s="56"/>
      <c r="PJB25" s="61"/>
      <c r="PJC25" s="61"/>
      <c r="PJD25" s="61"/>
      <c r="PJE25" s="61"/>
      <c r="PJF25" s="62"/>
      <c r="PJG25" s="56"/>
      <c r="PJH25" s="61"/>
      <c r="PJI25" s="61"/>
      <c r="PJJ25" s="61"/>
      <c r="PJK25" s="61"/>
      <c r="PJL25" s="62"/>
      <c r="PJM25" s="56"/>
      <c r="PJN25" s="61"/>
      <c r="PJO25" s="61"/>
      <c r="PJP25" s="61"/>
      <c r="PJQ25" s="61"/>
      <c r="PJR25" s="62"/>
      <c r="PJS25" s="56"/>
      <c r="PJT25" s="61"/>
      <c r="PJU25" s="61"/>
      <c r="PJV25" s="61"/>
      <c r="PJW25" s="61"/>
      <c r="PJX25" s="62"/>
      <c r="PJY25" s="56"/>
      <c r="PJZ25" s="61"/>
      <c r="PKA25" s="61"/>
      <c r="PKB25" s="61"/>
      <c r="PKC25" s="61"/>
      <c r="PKD25" s="62"/>
      <c r="PKE25" s="56"/>
      <c r="PKF25" s="61"/>
      <c r="PKG25" s="61"/>
      <c r="PKH25" s="61"/>
      <c r="PKI25" s="61"/>
      <c r="PKJ25" s="62"/>
      <c r="PKK25" s="56"/>
      <c r="PKL25" s="61"/>
      <c r="PKM25" s="61"/>
      <c r="PKN25" s="61"/>
      <c r="PKO25" s="61"/>
      <c r="PKP25" s="62"/>
      <c r="PKQ25" s="56"/>
      <c r="PKR25" s="61"/>
      <c r="PKS25" s="61"/>
      <c r="PKT25" s="61"/>
      <c r="PKU25" s="61"/>
      <c r="PKV25" s="62"/>
      <c r="PKW25" s="56"/>
      <c r="PKX25" s="61"/>
      <c r="PKY25" s="61"/>
      <c r="PKZ25" s="61"/>
      <c r="PLA25" s="61"/>
      <c r="PLB25" s="62"/>
      <c r="PLC25" s="56"/>
      <c r="PLD25" s="61"/>
      <c r="PLE25" s="61"/>
      <c r="PLF25" s="61"/>
      <c r="PLG25" s="61"/>
      <c r="PLH25" s="62"/>
      <c r="PLI25" s="56"/>
      <c r="PLJ25" s="61"/>
      <c r="PLK25" s="61"/>
      <c r="PLL25" s="61"/>
      <c r="PLM25" s="61"/>
      <c r="PLN25" s="62"/>
      <c r="PLO25" s="56"/>
      <c r="PLP25" s="61"/>
      <c r="PLQ25" s="61"/>
      <c r="PLR25" s="61"/>
      <c r="PLS25" s="61"/>
      <c r="PLT25" s="62"/>
      <c r="PLU25" s="56"/>
      <c r="PLV25" s="61"/>
      <c r="PLW25" s="61"/>
      <c r="PLX25" s="61"/>
      <c r="PLY25" s="61"/>
      <c r="PLZ25" s="62"/>
      <c r="PMA25" s="56"/>
      <c r="PMB25" s="61"/>
      <c r="PMC25" s="61"/>
      <c r="PMD25" s="61"/>
      <c r="PME25" s="61"/>
      <c r="PMF25" s="62"/>
      <c r="PMG25" s="56"/>
      <c r="PMH25" s="61"/>
      <c r="PMI25" s="61"/>
      <c r="PMJ25" s="61"/>
      <c r="PMK25" s="61"/>
      <c r="PML25" s="62"/>
      <c r="PMM25" s="56"/>
      <c r="PMN25" s="61"/>
      <c r="PMO25" s="61"/>
      <c r="PMP25" s="61"/>
      <c r="PMQ25" s="61"/>
      <c r="PMR25" s="62"/>
      <c r="PMS25" s="56"/>
      <c r="PMT25" s="61"/>
      <c r="PMU25" s="61"/>
      <c r="PMV25" s="61"/>
      <c r="PMW25" s="61"/>
      <c r="PMX25" s="62"/>
      <c r="PMY25" s="56"/>
      <c r="PMZ25" s="61"/>
      <c r="PNA25" s="61"/>
      <c r="PNB25" s="61"/>
      <c r="PNC25" s="61"/>
      <c r="PND25" s="62"/>
      <c r="PNE25" s="56"/>
      <c r="PNF25" s="61"/>
      <c r="PNG25" s="61"/>
      <c r="PNH25" s="61"/>
      <c r="PNI25" s="61"/>
      <c r="PNJ25" s="62"/>
      <c r="PNK25" s="56"/>
      <c r="PNL25" s="61"/>
      <c r="PNM25" s="61"/>
      <c r="PNN25" s="61"/>
      <c r="PNO25" s="61"/>
      <c r="PNP25" s="62"/>
      <c r="PNQ25" s="56"/>
      <c r="PNR25" s="61"/>
      <c r="PNS25" s="61"/>
      <c r="PNT25" s="61"/>
      <c r="PNU25" s="61"/>
      <c r="PNV25" s="62"/>
      <c r="PNW25" s="56"/>
      <c r="PNX25" s="61"/>
      <c r="PNY25" s="61"/>
      <c r="PNZ25" s="61"/>
      <c r="POA25" s="61"/>
      <c r="POB25" s="62"/>
      <c r="POC25" s="56"/>
      <c r="POD25" s="61"/>
      <c r="POE25" s="61"/>
      <c r="POF25" s="61"/>
      <c r="POG25" s="61"/>
      <c r="POH25" s="62"/>
      <c r="POI25" s="56"/>
      <c r="POJ25" s="61"/>
      <c r="POK25" s="61"/>
      <c r="POL25" s="61"/>
      <c r="POM25" s="61"/>
      <c r="PON25" s="62"/>
      <c r="POO25" s="56"/>
      <c r="POP25" s="61"/>
      <c r="POQ25" s="61"/>
      <c r="POR25" s="61"/>
      <c r="POS25" s="61"/>
      <c r="POT25" s="62"/>
      <c r="POU25" s="56"/>
      <c r="POV25" s="61"/>
      <c r="POW25" s="61"/>
      <c r="POX25" s="61"/>
      <c r="POY25" s="61"/>
      <c r="POZ25" s="62"/>
      <c r="PPA25" s="56"/>
      <c r="PPB25" s="61"/>
      <c r="PPC25" s="61"/>
      <c r="PPD25" s="61"/>
      <c r="PPE25" s="61"/>
      <c r="PPF25" s="62"/>
      <c r="PPG25" s="56"/>
      <c r="PPH25" s="61"/>
      <c r="PPI25" s="61"/>
      <c r="PPJ25" s="61"/>
      <c r="PPK25" s="61"/>
      <c r="PPL25" s="62"/>
      <c r="PPM25" s="56"/>
      <c r="PPN25" s="61"/>
      <c r="PPO25" s="61"/>
      <c r="PPP25" s="61"/>
      <c r="PPQ25" s="61"/>
      <c r="PPR25" s="62"/>
      <c r="PPS25" s="56"/>
      <c r="PPT25" s="61"/>
      <c r="PPU25" s="61"/>
      <c r="PPV25" s="61"/>
      <c r="PPW25" s="61"/>
      <c r="PPX25" s="62"/>
      <c r="PPY25" s="56"/>
      <c r="PPZ25" s="61"/>
      <c r="PQA25" s="61"/>
      <c r="PQB25" s="61"/>
      <c r="PQC25" s="61"/>
      <c r="PQD25" s="62"/>
      <c r="PQE25" s="56"/>
      <c r="PQF25" s="61"/>
      <c r="PQG25" s="61"/>
      <c r="PQH25" s="61"/>
      <c r="PQI25" s="61"/>
      <c r="PQJ25" s="62"/>
      <c r="PQK25" s="56"/>
      <c r="PQL25" s="61"/>
      <c r="PQM25" s="61"/>
      <c r="PQN25" s="61"/>
      <c r="PQO25" s="61"/>
      <c r="PQP25" s="62"/>
      <c r="PQQ25" s="56"/>
      <c r="PQR25" s="61"/>
      <c r="PQS25" s="61"/>
      <c r="PQT25" s="61"/>
      <c r="PQU25" s="61"/>
      <c r="PQV25" s="62"/>
      <c r="PQW25" s="56"/>
      <c r="PQX25" s="61"/>
      <c r="PQY25" s="61"/>
      <c r="PQZ25" s="61"/>
      <c r="PRA25" s="61"/>
      <c r="PRB25" s="62"/>
      <c r="PRC25" s="56"/>
      <c r="PRD25" s="61"/>
      <c r="PRE25" s="61"/>
      <c r="PRF25" s="61"/>
      <c r="PRG25" s="61"/>
      <c r="PRH25" s="62"/>
      <c r="PRI25" s="56"/>
      <c r="PRJ25" s="61"/>
      <c r="PRK25" s="61"/>
      <c r="PRL25" s="61"/>
      <c r="PRM25" s="61"/>
      <c r="PRN25" s="62"/>
      <c r="PRO25" s="56"/>
      <c r="PRP25" s="61"/>
      <c r="PRQ25" s="61"/>
      <c r="PRR25" s="61"/>
      <c r="PRS25" s="61"/>
      <c r="PRT25" s="62"/>
      <c r="PRU25" s="56"/>
      <c r="PRV25" s="61"/>
      <c r="PRW25" s="61"/>
      <c r="PRX25" s="61"/>
      <c r="PRY25" s="61"/>
      <c r="PRZ25" s="62"/>
      <c r="PSA25" s="56"/>
      <c r="PSB25" s="61"/>
      <c r="PSC25" s="61"/>
      <c r="PSD25" s="61"/>
      <c r="PSE25" s="61"/>
      <c r="PSF25" s="62"/>
      <c r="PSG25" s="56"/>
      <c r="PSH25" s="61"/>
      <c r="PSI25" s="61"/>
      <c r="PSJ25" s="61"/>
      <c r="PSK25" s="61"/>
      <c r="PSL25" s="62"/>
      <c r="PSM25" s="56"/>
      <c r="PSN25" s="61"/>
      <c r="PSO25" s="61"/>
      <c r="PSP25" s="61"/>
      <c r="PSQ25" s="61"/>
      <c r="PSR25" s="62"/>
      <c r="PSS25" s="56"/>
      <c r="PST25" s="61"/>
      <c r="PSU25" s="61"/>
      <c r="PSV25" s="61"/>
      <c r="PSW25" s="61"/>
      <c r="PSX25" s="62"/>
      <c r="PSY25" s="56"/>
      <c r="PSZ25" s="61"/>
      <c r="PTA25" s="61"/>
      <c r="PTB25" s="61"/>
      <c r="PTC25" s="61"/>
      <c r="PTD25" s="62"/>
      <c r="PTE25" s="56"/>
      <c r="PTF25" s="61"/>
      <c r="PTG25" s="61"/>
      <c r="PTH25" s="61"/>
      <c r="PTI25" s="61"/>
      <c r="PTJ25" s="62"/>
      <c r="PTK25" s="56"/>
      <c r="PTL25" s="61"/>
      <c r="PTM25" s="61"/>
      <c r="PTN25" s="61"/>
      <c r="PTO25" s="61"/>
      <c r="PTP25" s="62"/>
      <c r="PTQ25" s="56"/>
      <c r="PTR25" s="61"/>
      <c r="PTS25" s="61"/>
      <c r="PTT25" s="61"/>
      <c r="PTU25" s="61"/>
      <c r="PTV25" s="62"/>
      <c r="PTW25" s="56"/>
      <c r="PTX25" s="61"/>
      <c r="PTY25" s="61"/>
      <c r="PTZ25" s="61"/>
      <c r="PUA25" s="61"/>
      <c r="PUB25" s="62"/>
      <c r="PUC25" s="56"/>
      <c r="PUD25" s="61"/>
      <c r="PUE25" s="61"/>
      <c r="PUF25" s="61"/>
      <c r="PUG25" s="61"/>
      <c r="PUH25" s="62"/>
      <c r="PUI25" s="56"/>
      <c r="PUJ25" s="61"/>
      <c r="PUK25" s="61"/>
      <c r="PUL25" s="61"/>
      <c r="PUM25" s="61"/>
      <c r="PUN25" s="62"/>
      <c r="PUO25" s="56"/>
      <c r="PUP25" s="61"/>
      <c r="PUQ25" s="61"/>
      <c r="PUR25" s="61"/>
      <c r="PUS25" s="61"/>
      <c r="PUT25" s="62"/>
      <c r="PUU25" s="56"/>
      <c r="PUV25" s="61"/>
      <c r="PUW25" s="61"/>
      <c r="PUX25" s="61"/>
      <c r="PUY25" s="61"/>
      <c r="PUZ25" s="62"/>
      <c r="PVA25" s="56"/>
      <c r="PVB25" s="61"/>
      <c r="PVC25" s="61"/>
      <c r="PVD25" s="61"/>
      <c r="PVE25" s="61"/>
      <c r="PVF25" s="62"/>
      <c r="PVG25" s="56"/>
      <c r="PVH25" s="61"/>
      <c r="PVI25" s="61"/>
      <c r="PVJ25" s="61"/>
      <c r="PVK25" s="61"/>
      <c r="PVL25" s="62"/>
      <c r="PVM25" s="56"/>
      <c r="PVN25" s="61"/>
      <c r="PVO25" s="61"/>
      <c r="PVP25" s="61"/>
      <c r="PVQ25" s="61"/>
      <c r="PVR25" s="62"/>
      <c r="PVS25" s="56"/>
      <c r="PVT25" s="61"/>
      <c r="PVU25" s="61"/>
      <c r="PVV25" s="61"/>
      <c r="PVW25" s="61"/>
      <c r="PVX25" s="62"/>
      <c r="PVY25" s="56"/>
      <c r="PVZ25" s="61"/>
      <c r="PWA25" s="61"/>
      <c r="PWB25" s="61"/>
      <c r="PWC25" s="61"/>
      <c r="PWD25" s="62"/>
      <c r="PWE25" s="56"/>
      <c r="PWF25" s="61"/>
      <c r="PWG25" s="61"/>
      <c r="PWH25" s="61"/>
      <c r="PWI25" s="61"/>
      <c r="PWJ25" s="62"/>
      <c r="PWK25" s="56"/>
      <c r="PWL25" s="61"/>
      <c r="PWM25" s="61"/>
      <c r="PWN25" s="61"/>
      <c r="PWO25" s="61"/>
      <c r="PWP25" s="62"/>
      <c r="PWQ25" s="56"/>
      <c r="PWR25" s="61"/>
      <c r="PWS25" s="61"/>
      <c r="PWT25" s="61"/>
      <c r="PWU25" s="61"/>
      <c r="PWV25" s="62"/>
      <c r="PWW25" s="56"/>
      <c r="PWX25" s="61"/>
      <c r="PWY25" s="61"/>
      <c r="PWZ25" s="61"/>
      <c r="PXA25" s="61"/>
      <c r="PXB25" s="62"/>
      <c r="PXC25" s="56"/>
      <c r="PXD25" s="61"/>
      <c r="PXE25" s="61"/>
      <c r="PXF25" s="61"/>
      <c r="PXG25" s="61"/>
      <c r="PXH25" s="62"/>
      <c r="PXI25" s="56"/>
      <c r="PXJ25" s="61"/>
      <c r="PXK25" s="61"/>
      <c r="PXL25" s="61"/>
      <c r="PXM25" s="61"/>
      <c r="PXN25" s="62"/>
      <c r="PXO25" s="56"/>
      <c r="PXP25" s="61"/>
      <c r="PXQ25" s="61"/>
      <c r="PXR25" s="61"/>
      <c r="PXS25" s="61"/>
      <c r="PXT25" s="62"/>
      <c r="PXU25" s="56"/>
      <c r="PXV25" s="61"/>
      <c r="PXW25" s="61"/>
      <c r="PXX25" s="61"/>
      <c r="PXY25" s="61"/>
      <c r="PXZ25" s="62"/>
      <c r="PYA25" s="56"/>
      <c r="PYB25" s="61"/>
      <c r="PYC25" s="61"/>
      <c r="PYD25" s="61"/>
      <c r="PYE25" s="61"/>
      <c r="PYF25" s="62"/>
      <c r="PYG25" s="56"/>
      <c r="PYH25" s="61"/>
      <c r="PYI25" s="61"/>
      <c r="PYJ25" s="61"/>
      <c r="PYK25" s="61"/>
      <c r="PYL25" s="62"/>
      <c r="PYM25" s="56"/>
      <c r="PYN25" s="61"/>
      <c r="PYO25" s="61"/>
      <c r="PYP25" s="61"/>
      <c r="PYQ25" s="61"/>
      <c r="PYR25" s="62"/>
      <c r="PYS25" s="56"/>
      <c r="PYT25" s="61"/>
      <c r="PYU25" s="61"/>
      <c r="PYV25" s="61"/>
      <c r="PYW25" s="61"/>
      <c r="PYX25" s="62"/>
      <c r="PYY25" s="56"/>
      <c r="PYZ25" s="61"/>
      <c r="PZA25" s="61"/>
      <c r="PZB25" s="61"/>
      <c r="PZC25" s="61"/>
      <c r="PZD25" s="62"/>
      <c r="PZE25" s="56"/>
      <c r="PZF25" s="61"/>
      <c r="PZG25" s="61"/>
      <c r="PZH25" s="61"/>
      <c r="PZI25" s="61"/>
      <c r="PZJ25" s="62"/>
      <c r="PZK25" s="56"/>
      <c r="PZL25" s="61"/>
      <c r="PZM25" s="61"/>
      <c r="PZN25" s="61"/>
      <c r="PZO25" s="61"/>
      <c r="PZP25" s="62"/>
      <c r="PZQ25" s="56"/>
      <c r="PZR25" s="61"/>
      <c r="PZS25" s="61"/>
      <c r="PZT25" s="61"/>
      <c r="PZU25" s="61"/>
      <c r="PZV25" s="62"/>
      <c r="PZW25" s="56"/>
      <c r="PZX25" s="61"/>
      <c r="PZY25" s="61"/>
      <c r="PZZ25" s="61"/>
      <c r="QAA25" s="61"/>
      <c r="QAB25" s="62"/>
      <c r="QAC25" s="56"/>
      <c r="QAD25" s="61"/>
      <c r="QAE25" s="61"/>
      <c r="QAF25" s="61"/>
      <c r="QAG25" s="61"/>
      <c r="QAH25" s="62"/>
      <c r="QAI25" s="56"/>
      <c r="QAJ25" s="61"/>
      <c r="QAK25" s="61"/>
      <c r="QAL25" s="61"/>
      <c r="QAM25" s="61"/>
      <c r="QAN25" s="62"/>
      <c r="QAO25" s="56"/>
      <c r="QAP25" s="61"/>
      <c r="QAQ25" s="61"/>
      <c r="QAR25" s="61"/>
      <c r="QAS25" s="61"/>
      <c r="QAT25" s="62"/>
      <c r="QAU25" s="56"/>
      <c r="QAV25" s="61"/>
      <c r="QAW25" s="61"/>
      <c r="QAX25" s="61"/>
      <c r="QAY25" s="61"/>
      <c r="QAZ25" s="62"/>
      <c r="QBA25" s="56"/>
      <c r="QBB25" s="61"/>
      <c r="QBC25" s="61"/>
      <c r="QBD25" s="61"/>
      <c r="QBE25" s="61"/>
      <c r="QBF25" s="62"/>
      <c r="QBG25" s="56"/>
      <c r="QBH25" s="61"/>
      <c r="QBI25" s="61"/>
      <c r="QBJ25" s="61"/>
      <c r="QBK25" s="61"/>
      <c r="QBL25" s="62"/>
      <c r="QBM25" s="56"/>
      <c r="QBN25" s="61"/>
      <c r="QBO25" s="61"/>
      <c r="QBP25" s="61"/>
      <c r="QBQ25" s="61"/>
      <c r="QBR25" s="62"/>
      <c r="QBS25" s="56"/>
      <c r="QBT25" s="61"/>
      <c r="QBU25" s="61"/>
      <c r="QBV25" s="61"/>
      <c r="QBW25" s="61"/>
      <c r="QBX25" s="62"/>
      <c r="QBY25" s="56"/>
      <c r="QBZ25" s="61"/>
      <c r="QCA25" s="61"/>
      <c r="QCB25" s="61"/>
      <c r="QCC25" s="61"/>
      <c r="QCD25" s="62"/>
      <c r="QCE25" s="56"/>
      <c r="QCF25" s="61"/>
      <c r="QCG25" s="61"/>
      <c r="QCH25" s="61"/>
      <c r="QCI25" s="61"/>
      <c r="QCJ25" s="62"/>
      <c r="QCK25" s="56"/>
      <c r="QCL25" s="61"/>
      <c r="QCM25" s="61"/>
      <c r="QCN25" s="61"/>
      <c r="QCO25" s="61"/>
      <c r="QCP25" s="62"/>
      <c r="QCQ25" s="56"/>
      <c r="QCR25" s="61"/>
      <c r="QCS25" s="61"/>
      <c r="QCT25" s="61"/>
      <c r="QCU25" s="61"/>
      <c r="QCV25" s="62"/>
      <c r="QCW25" s="56"/>
      <c r="QCX25" s="61"/>
      <c r="QCY25" s="61"/>
      <c r="QCZ25" s="61"/>
      <c r="QDA25" s="61"/>
      <c r="QDB25" s="62"/>
      <c r="QDC25" s="56"/>
      <c r="QDD25" s="61"/>
      <c r="QDE25" s="61"/>
      <c r="QDF25" s="61"/>
      <c r="QDG25" s="61"/>
      <c r="QDH25" s="62"/>
      <c r="QDI25" s="56"/>
      <c r="QDJ25" s="61"/>
      <c r="QDK25" s="61"/>
      <c r="QDL25" s="61"/>
      <c r="QDM25" s="61"/>
      <c r="QDN25" s="62"/>
      <c r="QDO25" s="56"/>
      <c r="QDP25" s="61"/>
      <c r="QDQ25" s="61"/>
      <c r="QDR25" s="61"/>
      <c r="QDS25" s="61"/>
      <c r="QDT25" s="62"/>
      <c r="QDU25" s="56"/>
      <c r="QDV25" s="61"/>
      <c r="QDW25" s="61"/>
      <c r="QDX25" s="61"/>
      <c r="QDY25" s="61"/>
      <c r="QDZ25" s="62"/>
      <c r="QEA25" s="56"/>
      <c r="QEB25" s="61"/>
      <c r="QEC25" s="61"/>
      <c r="QED25" s="61"/>
      <c r="QEE25" s="61"/>
      <c r="QEF25" s="62"/>
      <c r="QEG25" s="56"/>
      <c r="QEH25" s="61"/>
      <c r="QEI25" s="61"/>
      <c r="QEJ25" s="61"/>
      <c r="QEK25" s="61"/>
      <c r="QEL25" s="62"/>
      <c r="QEM25" s="56"/>
      <c r="QEN25" s="61"/>
      <c r="QEO25" s="61"/>
      <c r="QEP25" s="61"/>
      <c r="QEQ25" s="61"/>
      <c r="QER25" s="62"/>
      <c r="QES25" s="56"/>
      <c r="QET25" s="61"/>
      <c r="QEU25" s="61"/>
      <c r="QEV25" s="61"/>
      <c r="QEW25" s="61"/>
      <c r="QEX25" s="62"/>
      <c r="QEY25" s="56"/>
      <c r="QEZ25" s="61"/>
      <c r="QFA25" s="61"/>
      <c r="QFB25" s="61"/>
      <c r="QFC25" s="61"/>
      <c r="QFD25" s="62"/>
      <c r="QFE25" s="56"/>
      <c r="QFF25" s="61"/>
      <c r="QFG25" s="61"/>
      <c r="QFH25" s="61"/>
      <c r="QFI25" s="61"/>
      <c r="QFJ25" s="62"/>
      <c r="QFK25" s="56"/>
      <c r="QFL25" s="61"/>
      <c r="QFM25" s="61"/>
      <c r="QFN25" s="61"/>
      <c r="QFO25" s="61"/>
      <c r="QFP25" s="62"/>
      <c r="QFQ25" s="56"/>
      <c r="QFR25" s="61"/>
      <c r="QFS25" s="61"/>
      <c r="QFT25" s="61"/>
      <c r="QFU25" s="61"/>
      <c r="QFV25" s="62"/>
      <c r="QFW25" s="56"/>
      <c r="QFX25" s="61"/>
      <c r="QFY25" s="61"/>
      <c r="QFZ25" s="61"/>
      <c r="QGA25" s="61"/>
      <c r="QGB25" s="62"/>
      <c r="QGC25" s="56"/>
      <c r="QGD25" s="61"/>
      <c r="QGE25" s="61"/>
      <c r="QGF25" s="61"/>
      <c r="QGG25" s="61"/>
      <c r="QGH25" s="62"/>
      <c r="QGI25" s="56"/>
      <c r="QGJ25" s="61"/>
      <c r="QGK25" s="61"/>
      <c r="QGL25" s="61"/>
      <c r="QGM25" s="61"/>
      <c r="QGN25" s="62"/>
      <c r="QGO25" s="56"/>
      <c r="QGP25" s="61"/>
      <c r="QGQ25" s="61"/>
      <c r="QGR25" s="61"/>
      <c r="QGS25" s="61"/>
      <c r="QGT25" s="62"/>
      <c r="QGU25" s="56"/>
      <c r="QGV25" s="61"/>
      <c r="QGW25" s="61"/>
      <c r="QGX25" s="61"/>
      <c r="QGY25" s="61"/>
      <c r="QGZ25" s="62"/>
      <c r="QHA25" s="56"/>
      <c r="QHB25" s="61"/>
      <c r="QHC25" s="61"/>
      <c r="QHD25" s="61"/>
      <c r="QHE25" s="61"/>
      <c r="QHF25" s="62"/>
      <c r="QHG25" s="56"/>
      <c r="QHH25" s="61"/>
      <c r="QHI25" s="61"/>
      <c r="QHJ25" s="61"/>
      <c r="QHK25" s="61"/>
      <c r="QHL25" s="62"/>
      <c r="QHM25" s="56"/>
      <c r="QHN25" s="61"/>
      <c r="QHO25" s="61"/>
      <c r="QHP25" s="61"/>
      <c r="QHQ25" s="61"/>
      <c r="QHR25" s="62"/>
      <c r="QHS25" s="56"/>
      <c r="QHT25" s="61"/>
      <c r="QHU25" s="61"/>
      <c r="QHV25" s="61"/>
      <c r="QHW25" s="61"/>
      <c r="QHX25" s="62"/>
      <c r="QHY25" s="56"/>
      <c r="QHZ25" s="61"/>
      <c r="QIA25" s="61"/>
      <c r="QIB25" s="61"/>
      <c r="QIC25" s="61"/>
      <c r="QID25" s="62"/>
      <c r="QIE25" s="56"/>
      <c r="QIF25" s="61"/>
      <c r="QIG25" s="61"/>
      <c r="QIH25" s="61"/>
      <c r="QII25" s="61"/>
      <c r="QIJ25" s="62"/>
      <c r="QIK25" s="56"/>
      <c r="QIL25" s="61"/>
      <c r="QIM25" s="61"/>
      <c r="QIN25" s="61"/>
      <c r="QIO25" s="61"/>
      <c r="QIP25" s="62"/>
      <c r="QIQ25" s="56"/>
      <c r="QIR25" s="61"/>
      <c r="QIS25" s="61"/>
      <c r="QIT25" s="61"/>
      <c r="QIU25" s="61"/>
      <c r="QIV25" s="62"/>
      <c r="QIW25" s="56"/>
      <c r="QIX25" s="61"/>
      <c r="QIY25" s="61"/>
      <c r="QIZ25" s="61"/>
      <c r="QJA25" s="61"/>
      <c r="QJB25" s="62"/>
      <c r="QJC25" s="56"/>
      <c r="QJD25" s="61"/>
      <c r="QJE25" s="61"/>
      <c r="QJF25" s="61"/>
      <c r="QJG25" s="61"/>
      <c r="QJH25" s="62"/>
      <c r="QJI25" s="56"/>
      <c r="QJJ25" s="61"/>
      <c r="QJK25" s="61"/>
      <c r="QJL25" s="61"/>
      <c r="QJM25" s="61"/>
      <c r="QJN25" s="62"/>
      <c r="QJO25" s="56"/>
      <c r="QJP25" s="61"/>
      <c r="QJQ25" s="61"/>
      <c r="QJR25" s="61"/>
      <c r="QJS25" s="61"/>
      <c r="QJT25" s="62"/>
      <c r="QJU25" s="56"/>
      <c r="QJV25" s="61"/>
      <c r="QJW25" s="61"/>
      <c r="QJX25" s="61"/>
      <c r="QJY25" s="61"/>
      <c r="QJZ25" s="62"/>
      <c r="QKA25" s="56"/>
      <c r="QKB25" s="61"/>
      <c r="QKC25" s="61"/>
      <c r="QKD25" s="61"/>
      <c r="QKE25" s="61"/>
      <c r="QKF25" s="62"/>
      <c r="QKG25" s="56"/>
      <c r="QKH25" s="61"/>
      <c r="QKI25" s="61"/>
      <c r="QKJ25" s="61"/>
      <c r="QKK25" s="61"/>
      <c r="QKL25" s="62"/>
      <c r="QKM25" s="56"/>
      <c r="QKN25" s="61"/>
      <c r="QKO25" s="61"/>
      <c r="QKP25" s="61"/>
      <c r="QKQ25" s="61"/>
      <c r="QKR25" s="62"/>
      <c r="QKS25" s="56"/>
      <c r="QKT25" s="61"/>
      <c r="QKU25" s="61"/>
      <c r="QKV25" s="61"/>
      <c r="QKW25" s="61"/>
      <c r="QKX25" s="62"/>
      <c r="QKY25" s="56"/>
      <c r="QKZ25" s="61"/>
      <c r="QLA25" s="61"/>
      <c r="QLB25" s="61"/>
      <c r="QLC25" s="61"/>
      <c r="QLD25" s="62"/>
      <c r="QLE25" s="56"/>
      <c r="QLF25" s="61"/>
      <c r="QLG25" s="61"/>
      <c r="QLH25" s="61"/>
      <c r="QLI25" s="61"/>
      <c r="QLJ25" s="62"/>
      <c r="QLK25" s="56"/>
      <c r="QLL25" s="61"/>
      <c r="QLM25" s="61"/>
      <c r="QLN25" s="61"/>
      <c r="QLO25" s="61"/>
      <c r="QLP25" s="62"/>
      <c r="QLQ25" s="56"/>
      <c r="QLR25" s="61"/>
      <c r="QLS25" s="61"/>
      <c r="QLT25" s="61"/>
      <c r="QLU25" s="61"/>
      <c r="QLV25" s="62"/>
      <c r="QLW25" s="56"/>
      <c r="QLX25" s="61"/>
      <c r="QLY25" s="61"/>
      <c r="QLZ25" s="61"/>
      <c r="QMA25" s="61"/>
      <c r="QMB25" s="62"/>
      <c r="QMC25" s="56"/>
      <c r="QMD25" s="61"/>
      <c r="QME25" s="61"/>
      <c r="QMF25" s="61"/>
      <c r="QMG25" s="61"/>
      <c r="QMH25" s="62"/>
      <c r="QMI25" s="56"/>
      <c r="QMJ25" s="61"/>
      <c r="QMK25" s="61"/>
      <c r="QML25" s="61"/>
      <c r="QMM25" s="61"/>
      <c r="QMN25" s="62"/>
      <c r="QMO25" s="56"/>
      <c r="QMP25" s="61"/>
      <c r="QMQ25" s="61"/>
      <c r="QMR25" s="61"/>
      <c r="QMS25" s="61"/>
      <c r="QMT25" s="62"/>
      <c r="QMU25" s="56"/>
      <c r="QMV25" s="61"/>
      <c r="QMW25" s="61"/>
      <c r="QMX25" s="61"/>
      <c r="QMY25" s="61"/>
      <c r="QMZ25" s="62"/>
      <c r="QNA25" s="56"/>
      <c r="QNB25" s="61"/>
      <c r="QNC25" s="61"/>
      <c r="QND25" s="61"/>
      <c r="QNE25" s="61"/>
      <c r="QNF25" s="62"/>
      <c r="QNG25" s="56"/>
      <c r="QNH25" s="61"/>
      <c r="QNI25" s="61"/>
      <c r="QNJ25" s="61"/>
      <c r="QNK25" s="61"/>
      <c r="QNL25" s="62"/>
      <c r="QNM25" s="56"/>
      <c r="QNN25" s="61"/>
      <c r="QNO25" s="61"/>
      <c r="QNP25" s="61"/>
      <c r="QNQ25" s="61"/>
      <c r="QNR25" s="62"/>
      <c r="QNS25" s="56"/>
      <c r="QNT25" s="61"/>
      <c r="QNU25" s="61"/>
      <c r="QNV25" s="61"/>
      <c r="QNW25" s="61"/>
      <c r="QNX25" s="62"/>
      <c r="QNY25" s="56"/>
      <c r="QNZ25" s="61"/>
      <c r="QOA25" s="61"/>
      <c r="QOB25" s="61"/>
      <c r="QOC25" s="61"/>
      <c r="QOD25" s="62"/>
      <c r="QOE25" s="56"/>
      <c r="QOF25" s="61"/>
      <c r="QOG25" s="61"/>
      <c r="QOH25" s="61"/>
      <c r="QOI25" s="61"/>
      <c r="QOJ25" s="62"/>
      <c r="QOK25" s="56"/>
      <c r="QOL25" s="61"/>
      <c r="QOM25" s="61"/>
      <c r="QON25" s="61"/>
      <c r="QOO25" s="61"/>
      <c r="QOP25" s="62"/>
      <c r="QOQ25" s="56"/>
      <c r="QOR25" s="61"/>
      <c r="QOS25" s="61"/>
      <c r="QOT25" s="61"/>
      <c r="QOU25" s="61"/>
      <c r="QOV25" s="62"/>
      <c r="QOW25" s="56"/>
      <c r="QOX25" s="61"/>
      <c r="QOY25" s="61"/>
      <c r="QOZ25" s="61"/>
      <c r="QPA25" s="61"/>
      <c r="QPB25" s="62"/>
      <c r="QPC25" s="56"/>
      <c r="QPD25" s="61"/>
      <c r="QPE25" s="61"/>
      <c r="QPF25" s="61"/>
      <c r="QPG25" s="61"/>
      <c r="QPH25" s="62"/>
      <c r="QPI25" s="56"/>
      <c r="QPJ25" s="61"/>
      <c r="QPK25" s="61"/>
      <c r="QPL25" s="61"/>
      <c r="QPM25" s="61"/>
      <c r="QPN25" s="62"/>
      <c r="QPO25" s="56"/>
      <c r="QPP25" s="61"/>
      <c r="QPQ25" s="61"/>
      <c r="QPR25" s="61"/>
      <c r="QPS25" s="61"/>
      <c r="QPT25" s="62"/>
      <c r="QPU25" s="56"/>
      <c r="QPV25" s="61"/>
      <c r="QPW25" s="61"/>
      <c r="QPX25" s="61"/>
      <c r="QPY25" s="61"/>
      <c r="QPZ25" s="62"/>
      <c r="QQA25" s="56"/>
      <c r="QQB25" s="61"/>
      <c r="QQC25" s="61"/>
      <c r="QQD25" s="61"/>
      <c r="QQE25" s="61"/>
      <c r="QQF25" s="62"/>
      <c r="QQG25" s="56"/>
      <c r="QQH25" s="61"/>
      <c r="QQI25" s="61"/>
      <c r="QQJ25" s="61"/>
      <c r="QQK25" s="61"/>
      <c r="QQL25" s="62"/>
      <c r="QQM25" s="56"/>
      <c r="QQN25" s="61"/>
      <c r="QQO25" s="61"/>
      <c r="QQP25" s="61"/>
      <c r="QQQ25" s="61"/>
      <c r="QQR25" s="62"/>
      <c r="QQS25" s="56"/>
      <c r="QQT25" s="61"/>
      <c r="QQU25" s="61"/>
      <c r="QQV25" s="61"/>
      <c r="QQW25" s="61"/>
      <c r="QQX25" s="62"/>
      <c r="QQY25" s="56"/>
      <c r="QQZ25" s="61"/>
      <c r="QRA25" s="61"/>
      <c r="QRB25" s="61"/>
      <c r="QRC25" s="61"/>
      <c r="QRD25" s="62"/>
      <c r="QRE25" s="56"/>
      <c r="QRF25" s="61"/>
      <c r="QRG25" s="61"/>
      <c r="QRH25" s="61"/>
      <c r="QRI25" s="61"/>
      <c r="QRJ25" s="62"/>
      <c r="QRK25" s="56"/>
      <c r="QRL25" s="61"/>
      <c r="QRM25" s="61"/>
      <c r="QRN25" s="61"/>
      <c r="QRO25" s="61"/>
      <c r="QRP25" s="62"/>
      <c r="QRQ25" s="56"/>
      <c r="QRR25" s="61"/>
      <c r="QRS25" s="61"/>
      <c r="QRT25" s="61"/>
      <c r="QRU25" s="61"/>
      <c r="QRV25" s="62"/>
      <c r="QRW25" s="56"/>
      <c r="QRX25" s="61"/>
      <c r="QRY25" s="61"/>
      <c r="QRZ25" s="61"/>
      <c r="QSA25" s="61"/>
      <c r="QSB25" s="62"/>
      <c r="QSC25" s="56"/>
      <c r="QSD25" s="61"/>
      <c r="QSE25" s="61"/>
      <c r="QSF25" s="61"/>
      <c r="QSG25" s="61"/>
      <c r="QSH25" s="62"/>
      <c r="QSI25" s="56"/>
      <c r="QSJ25" s="61"/>
      <c r="QSK25" s="61"/>
      <c r="QSL25" s="61"/>
      <c r="QSM25" s="61"/>
      <c r="QSN25" s="62"/>
      <c r="QSO25" s="56"/>
      <c r="QSP25" s="61"/>
      <c r="QSQ25" s="61"/>
      <c r="QSR25" s="61"/>
      <c r="QSS25" s="61"/>
      <c r="QST25" s="62"/>
      <c r="QSU25" s="56"/>
      <c r="QSV25" s="61"/>
      <c r="QSW25" s="61"/>
      <c r="QSX25" s="61"/>
      <c r="QSY25" s="61"/>
      <c r="QSZ25" s="62"/>
      <c r="QTA25" s="56"/>
      <c r="QTB25" s="61"/>
      <c r="QTC25" s="61"/>
      <c r="QTD25" s="61"/>
      <c r="QTE25" s="61"/>
      <c r="QTF25" s="62"/>
      <c r="QTG25" s="56"/>
      <c r="QTH25" s="61"/>
      <c r="QTI25" s="61"/>
      <c r="QTJ25" s="61"/>
      <c r="QTK25" s="61"/>
      <c r="QTL25" s="62"/>
      <c r="QTM25" s="56"/>
      <c r="QTN25" s="61"/>
      <c r="QTO25" s="61"/>
      <c r="QTP25" s="61"/>
      <c r="QTQ25" s="61"/>
      <c r="QTR25" s="62"/>
      <c r="QTS25" s="56"/>
      <c r="QTT25" s="61"/>
      <c r="QTU25" s="61"/>
      <c r="QTV25" s="61"/>
      <c r="QTW25" s="61"/>
      <c r="QTX25" s="62"/>
      <c r="QTY25" s="56"/>
      <c r="QTZ25" s="61"/>
      <c r="QUA25" s="61"/>
      <c r="QUB25" s="61"/>
      <c r="QUC25" s="61"/>
      <c r="QUD25" s="62"/>
      <c r="QUE25" s="56"/>
      <c r="QUF25" s="61"/>
      <c r="QUG25" s="61"/>
      <c r="QUH25" s="61"/>
      <c r="QUI25" s="61"/>
      <c r="QUJ25" s="62"/>
      <c r="QUK25" s="56"/>
      <c r="QUL25" s="61"/>
      <c r="QUM25" s="61"/>
      <c r="QUN25" s="61"/>
      <c r="QUO25" s="61"/>
      <c r="QUP25" s="62"/>
      <c r="QUQ25" s="56"/>
      <c r="QUR25" s="61"/>
      <c r="QUS25" s="61"/>
      <c r="QUT25" s="61"/>
      <c r="QUU25" s="61"/>
      <c r="QUV25" s="62"/>
      <c r="QUW25" s="56"/>
      <c r="QUX25" s="61"/>
      <c r="QUY25" s="61"/>
      <c r="QUZ25" s="61"/>
      <c r="QVA25" s="61"/>
      <c r="QVB25" s="62"/>
      <c r="QVC25" s="56"/>
      <c r="QVD25" s="61"/>
      <c r="QVE25" s="61"/>
      <c r="QVF25" s="61"/>
      <c r="QVG25" s="61"/>
      <c r="QVH25" s="62"/>
      <c r="QVI25" s="56"/>
      <c r="QVJ25" s="61"/>
      <c r="QVK25" s="61"/>
      <c r="QVL25" s="61"/>
      <c r="QVM25" s="61"/>
      <c r="QVN25" s="62"/>
      <c r="QVO25" s="56"/>
      <c r="QVP25" s="61"/>
      <c r="QVQ25" s="61"/>
      <c r="QVR25" s="61"/>
      <c r="QVS25" s="61"/>
      <c r="QVT25" s="62"/>
      <c r="QVU25" s="56"/>
      <c r="QVV25" s="61"/>
      <c r="QVW25" s="61"/>
      <c r="QVX25" s="61"/>
      <c r="QVY25" s="61"/>
      <c r="QVZ25" s="62"/>
      <c r="QWA25" s="56"/>
      <c r="QWB25" s="61"/>
      <c r="QWC25" s="61"/>
      <c r="QWD25" s="61"/>
      <c r="QWE25" s="61"/>
      <c r="QWF25" s="62"/>
      <c r="QWG25" s="56"/>
      <c r="QWH25" s="61"/>
      <c r="QWI25" s="61"/>
      <c r="QWJ25" s="61"/>
      <c r="QWK25" s="61"/>
      <c r="QWL25" s="62"/>
      <c r="QWM25" s="56"/>
      <c r="QWN25" s="61"/>
      <c r="QWO25" s="61"/>
      <c r="QWP25" s="61"/>
      <c r="QWQ25" s="61"/>
      <c r="QWR25" s="62"/>
      <c r="QWS25" s="56"/>
      <c r="QWT25" s="61"/>
      <c r="QWU25" s="61"/>
      <c r="QWV25" s="61"/>
      <c r="QWW25" s="61"/>
      <c r="QWX25" s="62"/>
      <c r="QWY25" s="56"/>
      <c r="QWZ25" s="61"/>
      <c r="QXA25" s="61"/>
      <c r="QXB25" s="61"/>
      <c r="QXC25" s="61"/>
      <c r="QXD25" s="62"/>
      <c r="QXE25" s="56"/>
      <c r="QXF25" s="61"/>
      <c r="QXG25" s="61"/>
      <c r="QXH25" s="61"/>
      <c r="QXI25" s="61"/>
      <c r="QXJ25" s="62"/>
      <c r="QXK25" s="56"/>
      <c r="QXL25" s="61"/>
      <c r="QXM25" s="61"/>
      <c r="QXN25" s="61"/>
      <c r="QXO25" s="61"/>
      <c r="QXP25" s="62"/>
      <c r="QXQ25" s="56"/>
      <c r="QXR25" s="61"/>
      <c r="QXS25" s="61"/>
      <c r="QXT25" s="61"/>
      <c r="QXU25" s="61"/>
      <c r="QXV25" s="62"/>
      <c r="QXW25" s="56"/>
      <c r="QXX25" s="61"/>
      <c r="QXY25" s="61"/>
      <c r="QXZ25" s="61"/>
      <c r="QYA25" s="61"/>
      <c r="QYB25" s="62"/>
      <c r="QYC25" s="56"/>
      <c r="QYD25" s="61"/>
      <c r="QYE25" s="61"/>
      <c r="QYF25" s="61"/>
      <c r="QYG25" s="61"/>
      <c r="QYH25" s="62"/>
      <c r="QYI25" s="56"/>
      <c r="QYJ25" s="61"/>
      <c r="QYK25" s="61"/>
      <c r="QYL25" s="61"/>
      <c r="QYM25" s="61"/>
      <c r="QYN25" s="62"/>
      <c r="QYO25" s="56"/>
      <c r="QYP25" s="61"/>
      <c r="QYQ25" s="61"/>
      <c r="QYR25" s="61"/>
      <c r="QYS25" s="61"/>
      <c r="QYT25" s="62"/>
      <c r="QYU25" s="56"/>
      <c r="QYV25" s="61"/>
      <c r="QYW25" s="61"/>
      <c r="QYX25" s="61"/>
      <c r="QYY25" s="61"/>
      <c r="QYZ25" s="62"/>
      <c r="QZA25" s="56"/>
      <c r="QZB25" s="61"/>
      <c r="QZC25" s="61"/>
      <c r="QZD25" s="61"/>
      <c r="QZE25" s="61"/>
      <c r="QZF25" s="62"/>
      <c r="QZG25" s="56"/>
      <c r="QZH25" s="61"/>
      <c r="QZI25" s="61"/>
      <c r="QZJ25" s="61"/>
      <c r="QZK25" s="61"/>
      <c r="QZL25" s="62"/>
      <c r="QZM25" s="56"/>
      <c r="QZN25" s="61"/>
      <c r="QZO25" s="61"/>
      <c r="QZP25" s="61"/>
      <c r="QZQ25" s="61"/>
      <c r="QZR25" s="62"/>
      <c r="QZS25" s="56"/>
      <c r="QZT25" s="61"/>
      <c r="QZU25" s="61"/>
      <c r="QZV25" s="61"/>
      <c r="QZW25" s="61"/>
      <c r="QZX25" s="62"/>
      <c r="QZY25" s="56"/>
      <c r="QZZ25" s="61"/>
      <c r="RAA25" s="61"/>
      <c r="RAB25" s="61"/>
      <c r="RAC25" s="61"/>
      <c r="RAD25" s="62"/>
      <c r="RAE25" s="56"/>
      <c r="RAF25" s="61"/>
      <c r="RAG25" s="61"/>
      <c r="RAH25" s="61"/>
      <c r="RAI25" s="61"/>
      <c r="RAJ25" s="62"/>
      <c r="RAK25" s="56"/>
      <c r="RAL25" s="61"/>
      <c r="RAM25" s="61"/>
      <c r="RAN25" s="61"/>
      <c r="RAO25" s="61"/>
      <c r="RAP25" s="62"/>
      <c r="RAQ25" s="56"/>
      <c r="RAR25" s="61"/>
      <c r="RAS25" s="61"/>
      <c r="RAT25" s="61"/>
      <c r="RAU25" s="61"/>
      <c r="RAV25" s="62"/>
      <c r="RAW25" s="56"/>
      <c r="RAX25" s="61"/>
      <c r="RAY25" s="61"/>
      <c r="RAZ25" s="61"/>
      <c r="RBA25" s="61"/>
      <c r="RBB25" s="62"/>
      <c r="RBC25" s="56"/>
      <c r="RBD25" s="61"/>
      <c r="RBE25" s="61"/>
      <c r="RBF25" s="61"/>
      <c r="RBG25" s="61"/>
      <c r="RBH25" s="62"/>
      <c r="RBI25" s="56"/>
      <c r="RBJ25" s="61"/>
      <c r="RBK25" s="61"/>
      <c r="RBL25" s="61"/>
      <c r="RBM25" s="61"/>
      <c r="RBN25" s="62"/>
      <c r="RBO25" s="56"/>
      <c r="RBP25" s="61"/>
      <c r="RBQ25" s="61"/>
      <c r="RBR25" s="61"/>
      <c r="RBS25" s="61"/>
      <c r="RBT25" s="62"/>
      <c r="RBU25" s="56"/>
      <c r="RBV25" s="61"/>
      <c r="RBW25" s="61"/>
      <c r="RBX25" s="61"/>
      <c r="RBY25" s="61"/>
      <c r="RBZ25" s="62"/>
      <c r="RCA25" s="56"/>
      <c r="RCB25" s="61"/>
      <c r="RCC25" s="61"/>
      <c r="RCD25" s="61"/>
      <c r="RCE25" s="61"/>
      <c r="RCF25" s="62"/>
      <c r="RCG25" s="56"/>
      <c r="RCH25" s="61"/>
      <c r="RCI25" s="61"/>
      <c r="RCJ25" s="61"/>
      <c r="RCK25" s="61"/>
      <c r="RCL25" s="62"/>
      <c r="RCM25" s="56"/>
      <c r="RCN25" s="61"/>
      <c r="RCO25" s="61"/>
      <c r="RCP25" s="61"/>
      <c r="RCQ25" s="61"/>
      <c r="RCR25" s="62"/>
      <c r="RCS25" s="56"/>
      <c r="RCT25" s="61"/>
      <c r="RCU25" s="61"/>
      <c r="RCV25" s="61"/>
      <c r="RCW25" s="61"/>
      <c r="RCX25" s="62"/>
      <c r="RCY25" s="56"/>
      <c r="RCZ25" s="61"/>
      <c r="RDA25" s="61"/>
      <c r="RDB25" s="61"/>
      <c r="RDC25" s="61"/>
      <c r="RDD25" s="62"/>
      <c r="RDE25" s="56"/>
      <c r="RDF25" s="61"/>
      <c r="RDG25" s="61"/>
      <c r="RDH25" s="61"/>
      <c r="RDI25" s="61"/>
      <c r="RDJ25" s="62"/>
      <c r="RDK25" s="56"/>
      <c r="RDL25" s="61"/>
      <c r="RDM25" s="61"/>
      <c r="RDN25" s="61"/>
      <c r="RDO25" s="61"/>
      <c r="RDP25" s="62"/>
      <c r="RDQ25" s="56"/>
      <c r="RDR25" s="61"/>
      <c r="RDS25" s="61"/>
      <c r="RDT25" s="61"/>
      <c r="RDU25" s="61"/>
      <c r="RDV25" s="62"/>
      <c r="RDW25" s="56"/>
      <c r="RDX25" s="61"/>
      <c r="RDY25" s="61"/>
      <c r="RDZ25" s="61"/>
      <c r="REA25" s="61"/>
      <c r="REB25" s="62"/>
      <c r="REC25" s="56"/>
      <c r="RED25" s="61"/>
      <c r="REE25" s="61"/>
      <c r="REF25" s="61"/>
      <c r="REG25" s="61"/>
      <c r="REH25" s="62"/>
      <c r="REI25" s="56"/>
      <c r="REJ25" s="61"/>
      <c r="REK25" s="61"/>
      <c r="REL25" s="61"/>
      <c r="REM25" s="61"/>
      <c r="REN25" s="62"/>
      <c r="REO25" s="56"/>
      <c r="REP25" s="61"/>
      <c r="REQ25" s="61"/>
      <c r="RER25" s="61"/>
      <c r="RES25" s="61"/>
      <c r="RET25" s="62"/>
      <c r="REU25" s="56"/>
      <c r="REV25" s="61"/>
      <c r="REW25" s="61"/>
      <c r="REX25" s="61"/>
      <c r="REY25" s="61"/>
      <c r="REZ25" s="62"/>
      <c r="RFA25" s="56"/>
      <c r="RFB25" s="61"/>
      <c r="RFC25" s="61"/>
      <c r="RFD25" s="61"/>
      <c r="RFE25" s="61"/>
      <c r="RFF25" s="62"/>
      <c r="RFG25" s="56"/>
      <c r="RFH25" s="61"/>
      <c r="RFI25" s="61"/>
      <c r="RFJ25" s="61"/>
      <c r="RFK25" s="61"/>
      <c r="RFL25" s="62"/>
      <c r="RFM25" s="56"/>
      <c r="RFN25" s="61"/>
      <c r="RFO25" s="61"/>
      <c r="RFP25" s="61"/>
      <c r="RFQ25" s="61"/>
      <c r="RFR25" s="62"/>
      <c r="RFS25" s="56"/>
      <c r="RFT25" s="61"/>
      <c r="RFU25" s="61"/>
      <c r="RFV25" s="61"/>
      <c r="RFW25" s="61"/>
      <c r="RFX25" s="62"/>
      <c r="RFY25" s="56"/>
      <c r="RFZ25" s="61"/>
      <c r="RGA25" s="61"/>
      <c r="RGB25" s="61"/>
      <c r="RGC25" s="61"/>
      <c r="RGD25" s="62"/>
      <c r="RGE25" s="56"/>
      <c r="RGF25" s="61"/>
      <c r="RGG25" s="61"/>
      <c r="RGH25" s="61"/>
      <c r="RGI25" s="61"/>
      <c r="RGJ25" s="62"/>
      <c r="RGK25" s="56"/>
      <c r="RGL25" s="61"/>
      <c r="RGM25" s="61"/>
      <c r="RGN25" s="61"/>
      <c r="RGO25" s="61"/>
      <c r="RGP25" s="62"/>
      <c r="RGQ25" s="56"/>
      <c r="RGR25" s="61"/>
      <c r="RGS25" s="61"/>
      <c r="RGT25" s="61"/>
      <c r="RGU25" s="61"/>
      <c r="RGV25" s="62"/>
      <c r="RGW25" s="56"/>
      <c r="RGX25" s="61"/>
      <c r="RGY25" s="61"/>
      <c r="RGZ25" s="61"/>
      <c r="RHA25" s="61"/>
      <c r="RHB25" s="62"/>
      <c r="RHC25" s="56"/>
      <c r="RHD25" s="61"/>
      <c r="RHE25" s="61"/>
      <c r="RHF25" s="61"/>
      <c r="RHG25" s="61"/>
      <c r="RHH25" s="62"/>
      <c r="RHI25" s="56"/>
      <c r="RHJ25" s="61"/>
      <c r="RHK25" s="61"/>
      <c r="RHL25" s="61"/>
      <c r="RHM25" s="61"/>
      <c r="RHN25" s="62"/>
      <c r="RHO25" s="56"/>
      <c r="RHP25" s="61"/>
      <c r="RHQ25" s="61"/>
      <c r="RHR25" s="61"/>
      <c r="RHS25" s="61"/>
      <c r="RHT25" s="62"/>
      <c r="RHU25" s="56"/>
      <c r="RHV25" s="61"/>
      <c r="RHW25" s="61"/>
      <c r="RHX25" s="61"/>
      <c r="RHY25" s="61"/>
      <c r="RHZ25" s="62"/>
      <c r="RIA25" s="56"/>
      <c r="RIB25" s="61"/>
      <c r="RIC25" s="61"/>
      <c r="RID25" s="61"/>
      <c r="RIE25" s="61"/>
      <c r="RIF25" s="62"/>
      <c r="RIG25" s="56"/>
      <c r="RIH25" s="61"/>
      <c r="RII25" s="61"/>
      <c r="RIJ25" s="61"/>
      <c r="RIK25" s="61"/>
      <c r="RIL25" s="62"/>
      <c r="RIM25" s="56"/>
      <c r="RIN25" s="61"/>
      <c r="RIO25" s="61"/>
      <c r="RIP25" s="61"/>
      <c r="RIQ25" s="61"/>
      <c r="RIR25" s="62"/>
      <c r="RIS25" s="56"/>
      <c r="RIT25" s="61"/>
      <c r="RIU25" s="61"/>
      <c r="RIV25" s="61"/>
      <c r="RIW25" s="61"/>
      <c r="RIX25" s="62"/>
      <c r="RIY25" s="56"/>
      <c r="RIZ25" s="61"/>
      <c r="RJA25" s="61"/>
      <c r="RJB25" s="61"/>
      <c r="RJC25" s="61"/>
      <c r="RJD25" s="62"/>
      <c r="RJE25" s="56"/>
      <c r="RJF25" s="61"/>
      <c r="RJG25" s="61"/>
      <c r="RJH25" s="61"/>
      <c r="RJI25" s="61"/>
      <c r="RJJ25" s="62"/>
      <c r="RJK25" s="56"/>
      <c r="RJL25" s="61"/>
      <c r="RJM25" s="61"/>
      <c r="RJN25" s="61"/>
      <c r="RJO25" s="61"/>
      <c r="RJP25" s="62"/>
      <c r="RJQ25" s="56"/>
      <c r="RJR25" s="61"/>
      <c r="RJS25" s="61"/>
      <c r="RJT25" s="61"/>
      <c r="RJU25" s="61"/>
      <c r="RJV25" s="62"/>
      <c r="RJW25" s="56"/>
      <c r="RJX25" s="61"/>
      <c r="RJY25" s="61"/>
      <c r="RJZ25" s="61"/>
      <c r="RKA25" s="61"/>
      <c r="RKB25" s="62"/>
      <c r="RKC25" s="56"/>
      <c r="RKD25" s="61"/>
      <c r="RKE25" s="61"/>
      <c r="RKF25" s="61"/>
      <c r="RKG25" s="61"/>
      <c r="RKH25" s="62"/>
      <c r="RKI25" s="56"/>
      <c r="RKJ25" s="61"/>
      <c r="RKK25" s="61"/>
      <c r="RKL25" s="61"/>
      <c r="RKM25" s="61"/>
      <c r="RKN25" s="62"/>
      <c r="RKO25" s="56"/>
      <c r="RKP25" s="61"/>
      <c r="RKQ25" s="61"/>
      <c r="RKR25" s="61"/>
      <c r="RKS25" s="61"/>
      <c r="RKT25" s="62"/>
      <c r="RKU25" s="56"/>
      <c r="RKV25" s="61"/>
      <c r="RKW25" s="61"/>
      <c r="RKX25" s="61"/>
      <c r="RKY25" s="61"/>
      <c r="RKZ25" s="62"/>
      <c r="RLA25" s="56"/>
      <c r="RLB25" s="61"/>
      <c r="RLC25" s="61"/>
      <c r="RLD25" s="61"/>
      <c r="RLE25" s="61"/>
      <c r="RLF25" s="62"/>
      <c r="RLG25" s="56"/>
      <c r="RLH25" s="61"/>
      <c r="RLI25" s="61"/>
      <c r="RLJ25" s="61"/>
      <c r="RLK25" s="61"/>
      <c r="RLL25" s="62"/>
      <c r="RLM25" s="56"/>
      <c r="RLN25" s="61"/>
      <c r="RLO25" s="61"/>
      <c r="RLP25" s="61"/>
      <c r="RLQ25" s="61"/>
      <c r="RLR25" s="62"/>
      <c r="RLS25" s="56"/>
      <c r="RLT25" s="61"/>
      <c r="RLU25" s="61"/>
      <c r="RLV25" s="61"/>
      <c r="RLW25" s="61"/>
      <c r="RLX25" s="62"/>
      <c r="RLY25" s="56"/>
      <c r="RLZ25" s="61"/>
      <c r="RMA25" s="61"/>
      <c r="RMB25" s="61"/>
      <c r="RMC25" s="61"/>
      <c r="RMD25" s="62"/>
      <c r="RME25" s="56"/>
      <c r="RMF25" s="61"/>
      <c r="RMG25" s="61"/>
      <c r="RMH25" s="61"/>
      <c r="RMI25" s="61"/>
      <c r="RMJ25" s="62"/>
      <c r="RMK25" s="56"/>
      <c r="RML25" s="61"/>
      <c r="RMM25" s="61"/>
      <c r="RMN25" s="61"/>
      <c r="RMO25" s="61"/>
      <c r="RMP25" s="62"/>
      <c r="RMQ25" s="56"/>
      <c r="RMR25" s="61"/>
      <c r="RMS25" s="61"/>
      <c r="RMT25" s="61"/>
      <c r="RMU25" s="61"/>
      <c r="RMV25" s="62"/>
      <c r="RMW25" s="56"/>
      <c r="RMX25" s="61"/>
      <c r="RMY25" s="61"/>
      <c r="RMZ25" s="61"/>
      <c r="RNA25" s="61"/>
      <c r="RNB25" s="62"/>
      <c r="RNC25" s="56"/>
      <c r="RND25" s="61"/>
      <c r="RNE25" s="61"/>
      <c r="RNF25" s="61"/>
      <c r="RNG25" s="61"/>
      <c r="RNH25" s="62"/>
      <c r="RNI25" s="56"/>
      <c r="RNJ25" s="61"/>
      <c r="RNK25" s="61"/>
      <c r="RNL25" s="61"/>
      <c r="RNM25" s="61"/>
      <c r="RNN25" s="62"/>
      <c r="RNO25" s="56"/>
      <c r="RNP25" s="61"/>
      <c r="RNQ25" s="61"/>
      <c r="RNR25" s="61"/>
      <c r="RNS25" s="61"/>
      <c r="RNT25" s="62"/>
      <c r="RNU25" s="56"/>
      <c r="RNV25" s="61"/>
      <c r="RNW25" s="61"/>
      <c r="RNX25" s="61"/>
      <c r="RNY25" s="61"/>
      <c r="RNZ25" s="62"/>
      <c r="ROA25" s="56"/>
      <c r="ROB25" s="61"/>
      <c r="ROC25" s="61"/>
      <c r="ROD25" s="61"/>
      <c r="ROE25" s="61"/>
      <c r="ROF25" s="62"/>
      <c r="ROG25" s="56"/>
      <c r="ROH25" s="61"/>
      <c r="ROI25" s="61"/>
      <c r="ROJ25" s="61"/>
      <c r="ROK25" s="61"/>
      <c r="ROL25" s="62"/>
      <c r="ROM25" s="56"/>
      <c r="RON25" s="61"/>
      <c r="ROO25" s="61"/>
      <c r="ROP25" s="61"/>
      <c r="ROQ25" s="61"/>
      <c r="ROR25" s="62"/>
      <c r="ROS25" s="56"/>
      <c r="ROT25" s="61"/>
      <c r="ROU25" s="61"/>
      <c r="ROV25" s="61"/>
      <c r="ROW25" s="61"/>
      <c r="ROX25" s="62"/>
      <c r="ROY25" s="56"/>
      <c r="ROZ25" s="61"/>
      <c r="RPA25" s="61"/>
      <c r="RPB25" s="61"/>
      <c r="RPC25" s="61"/>
      <c r="RPD25" s="62"/>
      <c r="RPE25" s="56"/>
      <c r="RPF25" s="61"/>
      <c r="RPG25" s="61"/>
      <c r="RPH25" s="61"/>
      <c r="RPI25" s="61"/>
      <c r="RPJ25" s="62"/>
      <c r="RPK25" s="56"/>
      <c r="RPL25" s="61"/>
      <c r="RPM25" s="61"/>
      <c r="RPN25" s="61"/>
      <c r="RPO25" s="61"/>
      <c r="RPP25" s="62"/>
      <c r="RPQ25" s="56"/>
      <c r="RPR25" s="61"/>
      <c r="RPS25" s="61"/>
      <c r="RPT25" s="61"/>
      <c r="RPU25" s="61"/>
      <c r="RPV25" s="62"/>
      <c r="RPW25" s="56"/>
      <c r="RPX25" s="61"/>
      <c r="RPY25" s="61"/>
      <c r="RPZ25" s="61"/>
      <c r="RQA25" s="61"/>
      <c r="RQB25" s="62"/>
      <c r="RQC25" s="56"/>
      <c r="RQD25" s="61"/>
      <c r="RQE25" s="61"/>
      <c r="RQF25" s="61"/>
      <c r="RQG25" s="61"/>
      <c r="RQH25" s="62"/>
      <c r="RQI25" s="56"/>
      <c r="RQJ25" s="61"/>
      <c r="RQK25" s="61"/>
      <c r="RQL25" s="61"/>
      <c r="RQM25" s="61"/>
      <c r="RQN25" s="62"/>
      <c r="RQO25" s="56"/>
      <c r="RQP25" s="61"/>
      <c r="RQQ25" s="61"/>
      <c r="RQR25" s="61"/>
      <c r="RQS25" s="61"/>
      <c r="RQT25" s="62"/>
      <c r="RQU25" s="56"/>
      <c r="RQV25" s="61"/>
      <c r="RQW25" s="61"/>
      <c r="RQX25" s="61"/>
      <c r="RQY25" s="61"/>
      <c r="RQZ25" s="62"/>
      <c r="RRA25" s="56"/>
      <c r="RRB25" s="61"/>
      <c r="RRC25" s="61"/>
      <c r="RRD25" s="61"/>
      <c r="RRE25" s="61"/>
      <c r="RRF25" s="62"/>
      <c r="RRG25" s="56"/>
      <c r="RRH25" s="61"/>
      <c r="RRI25" s="61"/>
      <c r="RRJ25" s="61"/>
      <c r="RRK25" s="61"/>
      <c r="RRL25" s="62"/>
      <c r="RRM25" s="56"/>
      <c r="RRN25" s="61"/>
      <c r="RRO25" s="61"/>
      <c r="RRP25" s="61"/>
      <c r="RRQ25" s="61"/>
      <c r="RRR25" s="62"/>
      <c r="RRS25" s="56"/>
      <c r="RRT25" s="61"/>
      <c r="RRU25" s="61"/>
      <c r="RRV25" s="61"/>
      <c r="RRW25" s="61"/>
      <c r="RRX25" s="62"/>
      <c r="RRY25" s="56"/>
      <c r="RRZ25" s="61"/>
      <c r="RSA25" s="61"/>
      <c r="RSB25" s="61"/>
      <c r="RSC25" s="61"/>
      <c r="RSD25" s="62"/>
      <c r="RSE25" s="56"/>
      <c r="RSF25" s="61"/>
      <c r="RSG25" s="61"/>
      <c r="RSH25" s="61"/>
      <c r="RSI25" s="61"/>
      <c r="RSJ25" s="62"/>
      <c r="RSK25" s="56"/>
      <c r="RSL25" s="61"/>
      <c r="RSM25" s="61"/>
      <c r="RSN25" s="61"/>
      <c r="RSO25" s="61"/>
      <c r="RSP25" s="62"/>
      <c r="RSQ25" s="56"/>
      <c r="RSR25" s="61"/>
      <c r="RSS25" s="61"/>
      <c r="RST25" s="61"/>
      <c r="RSU25" s="61"/>
      <c r="RSV25" s="62"/>
      <c r="RSW25" s="56"/>
      <c r="RSX25" s="61"/>
      <c r="RSY25" s="61"/>
      <c r="RSZ25" s="61"/>
      <c r="RTA25" s="61"/>
      <c r="RTB25" s="62"/>
      <c r="RTC25" s="56"/>
      <c r="RTD25" s="61"/>
      <c r="RTE25" s="61"/>
      <c r="RTF25" s="61"/>
      <c r="RTG25" s="61"/>
      <c r="RTH25" s="62"/>
      <c r="RTI25" s="56"/>
      <c r="RTJ25" s="61"/>
      <c r="RTK25" s="61"/>
      <c r="RTL25" s="61"/>
      <c r="RTM25" s="61"/>
      <c r="RTN25" s="62"/>
      <c r="RTO25" s="56"/>
      <c r="RTP25" s="61"/>
      <c r="RTQ25" s="61"/>
      <c r="RTR25" s="61"/>
      <c r="RTS25" s="61"/>
      <c r="RTT25" s="62"/>
      <c r="RTU25" s="56"/>
      <c r="RTV25" s="61"/>
      <c r="RTW25" s="61"/>
      <c r="RTX25" s="61"/>
      <c r="RTY25" s="61"/>
      <c r="RTZ25" s="62"/>
      <c r="RUA25" s="56"/>
      <c r="RUB25" s="61"/>
      <c r="RUC25" s="61"/>
      <c r="RUD25" s="61"/>
      <c r="RUE25" s="61"/>
      <c r="RUF25" s="62"/>
      <c r="RUG25" s="56"/>
      <c r="RUH25" s="61"/>
      <c r="RUI25" s="61"/>
      <c r="RUJ25" s="61"/>
      <c r="RUK25" s="61"/>
      <c r="RUL25" s="62"/>
      <c r="RUM25" s="56"/>
      <c r="RUN25" s="61"/>
      <c r="RUO25" s="61"/>
      <c r="RUP25" s="61"/>
      <c r="RUQ25" s="61"/>
      <c r="RUR25" s="62"/>
      <c r="RUS25" s="56"/>
      <c r="RUT25" s="61"/>
      <c r="RUU25" s="61"/>
      <c r="RUV25" s="61"/>
      <c r="RUW25" s="61"/>
      <c r="RUX25" s="62"/>
      <c r="RUY25" s="56"/>
      <c r="RUZ25" s="61"/>
      <c r="RVA25" s="61"/>
      <c r="RVB25" s="61"/>
      <c r="RVC25" s="61"/>
      <c r="RVD25" s="62"/>
      <c r="RVE25" s="56"/>
      <c r="RVF25" s="61"/>
      <c r="RVG25" s="61"/>
      <c r="RVH25" s="61"/>
      <c r="RVI25" s="61"/>
      <c r="RVJ25" s="62"/>
      <c r="RVK25" s="56"/>
      <c r="RVL25" s="61"/>
      <c r="RVM25" s="61"/>
      <c r="RVN25" s="61"/>
      <c r="RVO25" s="61"/>
      <c r="RVP25" s="62"/>
      <c r="RVQ25" s="56"/>
      <c r="RVR25" s="61"/>
      <c r="RVS25" s="61"/>
      <c r="RVT25" s="61"/>
      <c r="RVU25" s="61"/>
      <c r="RVV25" s="62"/>
      <c r="RVW25" s="56"/>
      <c r="RVX25" s="61"/>
      <c r="RVY25" s="61"/>
      <c r="RVZ25" s="61"/>
      <c r="RWA25" s="61"/>
      <c r="RWB25" s="62"/>
      <c r="RWC25" s="56"/>
      <c r="RWD25" s="61"/>
      <c r="RWE25" s="61"/>
      <c r="RWF25" s="61"/>
      <c r="RWG25" s="61"/>
      <c r="RWH25" s="62"/>
      <c r="RWI25" s="56"/>
      <c r="RWJ25" s="61"/>
      <c r="RWK25" s="61"/>
      <c r="RWL25" s="61"/>
      <c r="RWM25" s="61"/>
      <c r="RWN25" s="62"/>
      <c r="RWO25" s="56"/>
      <c r="RWP25" s="61"/>
      <c r="RWQ25" s="61"/>
      <c r="RWR25" s="61"/>
      <c r="RWS25" s="61"/>
      <c r="RWT25" s="62"/>
      <c r="RWU25" s="56"/>
      <c r="RWV25" s="61"/>
      <c r="RWW25" s="61"/>
      <c r="RWX25" s="61"/>
      <c r="RWY25" s="61"/>
      <c r="RWZ25" s="62"/>
      <c r="RXA25" s="56"/>
      <c r="RXB25" s="61"/>
      <c r="RXC25" s="61"/>
      <c r="RXD25" s="61"/>
      <c r="RXE25" s="61"/>
      <c r="RXF25" s="62"/>
      <c r="RXG25" s="56"/>
      <c r="RXH25" s="61"/>
      <c r="RXI25" s="61"/>
      <c r="RXJ25" s="61"/>
      <c r="RXK25" s="61"/>
      <c r="RXL25" s="62"/>
      <c r="RXM25" s="56"/>
      <c r="RXN25" s="61"/>
      <c r="RXO25" s="61"/>
      <c r="RXP25" s="61"/>
      <c r="RXQ25" s="61"/>
      <c r="RXR25" s="62"/>
      <c r="RXS25" s="56"/>
      <c r="RXT25" s="61"/>
      <c r="RXU25" s="61"/>
      <c r="RXV25" s="61"/>
      <c r="RXW25" s="61"/>
      <c r="RXX25" s="62"/>
      <c r="RXY25" s="56"/>
      <c r="RXZ25" s="61"/>
      <c r="RYA25" s="61"/>
      <c r="RYB25" s="61"/>
      <c r="RYC25" s="61"/>
      <c r="RYD25" s="62"/>
      <c r="RYE25" s="56"/>
      <c r="RYF25" s="61"/>
      <c r="RYG25" s="61"/>
      <c r="RYH25" s="61"/>
      <c r="RYI25" s="61"/>
      <c r="RYJ25" s="62"/>
      <c r="RYK25" s="56"/>
      <c r="RYL25" s="61"/>
      <c r="RYM25" s="61"/>
      <c r="RYN25" s="61"/>
      <c r="RYO25" s="61"/>
      <c r="RYP25" s="62"/>
      <c r="RYQ25" s="56"/>
      <c r="RYR25" s="61"/>
      <c r="RYS25" s="61"/>
      <c r="RYT25" s="61"/>
      <c r="RYU25" s="61"/>
      <c r="RYV25" s="62"/>
      <c r="RYW25" s="56"/>
      <c r="RYX25" s="61"/>
      <c r="RYY25" s="61"/>
      <c r="RYZ25" s="61"/>
      <c r="RZA25" s="61"/>
      <c r="RZB25" s="62"/>
      <c r="RZC25" s="56"/>
      <c r="RZD25" s="61"/>
      <c r="RZE25" s="61"/>
      <c r="RZF25" s="61"/>
      <c r="RZG25" s="61"/>
      <c r="RZH25" s="62"/>
      <c r="RZI25" s="56"/>
      <c r="RZJ25" s="61"/>
      <c r="RZK25" s="61"/>
      <c r="RZL25" s="61"/>
      <c r="RZM25" s="61"/>
      <c r="RZN25" s="62"/>
      <c r="RZO25" s="56"/>
      <c r="RZP25" s="61"/>
      <c r="RZQ25" s="61"/>
      <c r="RZR25" s="61"/>
      <c r="RZS25" s="61"/>
      <c r="RZT25" s="62"/>
      <c r="RZU25" s="56"/>
      <c r="RZV25" s="61"/>
      <c r="RZW25" s="61"/>
      <c r="RZX25" s="61"/>
      <c r="RZY25" s="61"/>
      <c r="RZZ25" s="62"/>
      <c r="SAA25" s="56"/>
      <c r="SAB25" s="61"/>
      <c r="SAC25" s="61"/>
      <c r="SAD25" s="61"/>
      <c r="SAE25" s="61"/>
      <c r="SAF25" s="62"/>
      <c r="SAG25" s="56"/>
      <c r="SAH25" s="61"/>
      <c r="SAI25" s="61"/>
      <c r="SAJ25" s="61"/>
      <c r="SAK25" s="61"/>
      <c r="SAL25" s="62"/>
      <c r="SAM25" s="56"/>
      <c r="SAN25" s="61"/>
      <c r="SAO25" s="61"/>
      <c r="SAP25" s="61"/>
      <c r="SAQ25" s="61"/>
      <c r="SAR25" s="62"/>
      <c r="SAS25" s="56"/>
      <c r="SAT25" s="61"/>
      <c r="SAU25" s="61"/>
      <c r="SAV25" s="61"/>
      <c r="SAW25" s="61"/>
      <c r="SAX25" s="62"/>
      <c r="SAY25" s="56"/>
      <c r="SAZ25" s="61"/>
      <c r="SBA25" s="61"/>
      <c r="SBB25" s="61"/>
      <c r="SBC25" s="61"/>
      <c r="SBD25" s="62"/>
      <c r="SBE25" s="56"/>
      <c r="SBF25" s="61"/>
      <c r="SBG25" s="61"/>
      <c r="SBH25" s="61"/>
      <c r="SBI25" s="61"/>
      <c r="SBJ25" s="62"/>
      <c r="SBK25" s="56"/>
      <c r="SBL25" s="61"/>
      <c r="SBM25" s="61"/>
      <c r="SBN25" s="61"/>
      <c r="SBO25" s="61"/>
      <c r="SBP25" s="62"/>
      <c r="SBQ25" s="56"/>
      <c r="SBR25" s="61"/>
      <c r="SBS25" s="61"/>
      <c r="SBT25" s="61"/>
      <c r="SBU25" s="61"/>
      <c r="SBV25" s="62"/>
      <c r="SBW25" s="56"/>
      <c r="SBX25" s="61"/>
      <c r="SBY25" s="61"/>
      <c r="SBZ25" s="61"/>
      <c r="SCA25" s="61"/>
      <c r="SCB25" s="62"/>
      <c r="SCC25" s="56"/>
      <c r="SCD25" s="61"/>
      <c r="SCE25" s="61"/>
      <c r="SCF25" s="61"/>
      <c r="SCG25" s="61"/>
      <c r="SCH25" s="62"/>
      <c r="SCI25" s="56"/>
      <c r="SCJ25" s="61"/>
      <c r="SCK25" s="61"/>
      <c r="SCL25" s="61"/>
      <c r="SCM25" s="61"/>
      <c r="SCN25" s="62"/>
      <c r="SCO25" s="56"/>
      <c r="SCP25" s="61"/>
      <c r="SCQ25" s="61"/>
      <c r="SCR25" s="61"/>
      <c r="SCS25" s="61"/>
      <c r="SCT25" s="62"/>
      <c r="SCU25" s="56"/>
      <c r="SCV25" s="61"/>
      <c r="SCW25" s="61"/>
      <c r="SCX25" s="61"/>
      <c r="SCY25" s="61"/>
      <c r="SCZ25" s="62"/>
      <c r="SDA25" s="56"/>
      <c r="SDB25" s="61"/>
      <c r="SDC25" s="61"/>
      <c r="SDD25" s="61"/>
      <c r="SDE25" s="61"/>
      <c r="SDF25" s="62"/>
      <c r="SDG25" s="56"/>
      <c r="SDH25" s="61"/>
      <c r="SDI25" s="61"/>
      <c r="SDJ25" s="61"/>
      <c r="SDK25" s="61"/>
      <c r="SDL25" s="62"/>
      <c r="SDM25" s="56"/>
      <c r="SDN25" s="61"/>
      <c r="SDO25" s="61"/>
      <c r="SDP25" s="61"/>
      <c r="SDQ25" s="61"/>
      <c r="SDR25" s="62"/>
      <c r="SDS25" s="56"/>
      <c r="SDT25" s="61"/>
      <c r="SDU25" s="61"/>
      <c r="SDV25" s="61"/>
      <c r="SDW25" s="61"/>
      <c r="SDX25" s="62"/>
      <c r="SDY25" s="56"/>
      <c r="SDZ25" s="61"/>
      <c r="SEA25" s="61"/>
      <c r="SEB25" s="61"/>
      <c r="SEC25" s="61"/>
      <c r="SED25" s="62"/>
      <c r="SEE25" s="56"/>
      <c r="SEF25" s="61"/>
      <c r="SEG25" s="61"/>
      <c r="SEH25" s="61"/>
      <c r="SEI25" s="61"/>
      <c r="SEJ25" s="62"/>
      <c r="SEK25" s="56"/>
      <c r="SEL25" s="61"/>
      <c r="SEM25" s="61"/>
      <c r="SEN25" s="61"/>
      <c r="SEO25" s="61"/>
      <c r="SEP25" s="62"/>
      <c r="SEQ25" s="56"/>
      <c r="SER25" s="61"/>
      <c r="SES25" s="61"/>
      <c r="SET25" s="61"/>
      <c r="SEU25" s="61"/>
      <c r="SEV25" s="62"/>
      <c r="SEW25" s="56"/>
      <c r="SEX25" s="61"/>
      <c r="SEY25" s="61"/>
      <c r="SEZ25" s="61"/>
      <c r="SFA25" s="61"/>
      <c r="SFB25" s="62"/>
      <c r="SFC25" s="56"/>
      <c r="SFD25" s="61"/>
      <c r="SFE25" s="61"/>
      <c r="SFF25" s="61"/>
      <c r="SFG25" s="61"/>
      <c r="SFH25" s="62"/>
      <c r="SFI25" s="56"/>
      <c r="SFJ25" s="61"/>
      <c r="SFK25" s="61"/>
      <c r="SFL25" s="61"/>
      <c r="SFM25" s="61"/>
      <c r="SFN25" s="62"/>
      <c r="SFO25" s="56"/>
      <c r="SFP25" s="61"/>
      <c r="SFQ25" s="61"/>
      <c r="SFR25" s="61"/>
      <c r="SFS25" s="61"/>
      <c r="SFT25" s="62"/>
      <c r="SFU25" s="56"/>
      <c r="SFV25" s="61"/>
      <c r="SFW25" s="61"/>
      <c r="SFX25" s="61"/>
      <c r="SFY25" s="61"/>
      <c r="SFZ25" s="62"/>
      <c r="SGA25" s="56"/>
      <c r="SGB25" s="61"/>
      <c r="SGC25" s="61"/>
      <c r="SGD25" s="61"/>
      <c r="SGE25" s="61"/>
      <c r="SGF25" s="62"/>
      <c r="SGG25" s="56"/>
      <c r="SGH25" s="61"/>
      <c r="SGI25" s="61"/>
      <c r="SGJ25" s="61"/>
      <c r="SGK25" s="61"/>
      <c r="SGL25" s="62"/>
      <c r="SGM25" s="56"/>
      <c r="SGN25" s="61"/>
      <c r="SGO25" s="61"/>
      <c r="SGP25" s="61"/>
      <c r="SGQ25" s="61"/>
      <c r="SGR25" s="62"/>
      <c r="SGS25" s="56"/>
      <c r="SGT25" s="61"/>
      <c r="SGU25" s="61"/>
      <c r="SGV25" s="61"/>
      <c r="SGW25" s="61"/>
      <c r="SGX25" s="62"/>
      <c r="SGY25" s="56"/>
      <c r="SGZ25" s="61"/>
      <c r="SHA25" s="61"/>
      <c r="SHB25" s="61"/>
      <c r="SHC25" s="61"/>
      <c r="SHD25" s="62"/>
      <c r="SHE25" s="56"/>
      <c r="SHF25" s="61"/>
      <c r="SHG25" s="61"/>
      <c r="SHH25" s="61"/>
      <c r="SHI25" s="61"/>
      <c r="SHJ25" s="62"/>
      <c r="SHK25" s="56"/>
      <c r="SHL25" s="61"/>
      <c r="SHM25" s="61"/>
      <c r="SHN25" s="61"/>
      <c r="SHO25" s="61"/>
      <c r="SHP25" s="62"/>
      <c r="SHQ25" s="56"/>
      <c r="SHR25" s="61"/>
      <c r="SHS25" s="61"/>
      <c r="SHT25" s="61"/>
      <c r="SHU25" s="61"/>
      <c r="SHV25" s="62"/>
      <c r="SHW25" s="56"/>
      <c r="SHX25" s="61"/>
      <c r="SHY25" s="61"/>
      <c r="SHZ25" s="61"/>
      <c r="SIA25" s="61"/>
      <c r="SIB25" s="62"/>
      <c r="SIC25" s="56"/>
      <c r="SID25" s="61"/>
      <c r="SIE25" s="61"/>
      <c r="SIF25" s="61"/>
      <c r="SIG25" s="61"/>
      <c r="SIH25" s="62"/>
      <c r="SII25" s="56"/>
      <c r="SIJ25" s="61"/>
      <c r="SIK25" s="61"/>
      <c r="SIL25" s="61"/>
      <c r="SIM25" s="61"/>
      <c r="SIN25" s="62"/>
      <c r="SIO25" s="56"/>
      <c r="SIP25" s="61"/>
      <c r="SIQ25" s="61"/>
      <c r="SIR25" s="61"/>
      <c r="SIS25" s="61"/>
      <c r="SIT25" s="62"/>
      <c r="SIU25" s="56"/>
      <c r="SIV25" s="61"/>
      <c r="SIW25" s="61"/>
      <c r="SIX25" s="61"/>
      <c r="SIY25" s="61"/>
      <c r="SIZ25" s="62"/>
      <c r="SJA25" s="56"/>
      <c r="SJB25" s="61"/>
      <c r="SJC25" s="61"/>
      <c r="SJD25" s="61"/>
      <c r="SJE25" s="61"/>
      <c r="SJF25" s="62"/>
      <c r="SJG25" s="56"/>
      <c r="SJH25" s="61"/>
      <c r="SJI25" s="61"/>
      <c r="SJJ25" s="61"/>
      <c r="SJK25" s="61"/>
      <c r="SJL25" s="62"/>
      <c r="SJM25" s="56"/>
      <c r="SJN25" s="61"/>
      <c r="SJO25" s="61"/>
      <c r="SJP25" s="61"/>
      <c r="SJQ25" s="61"/>
      <c r="SJR25" s="62"/>
      <c r="SJS25" s="56"/>
      <c r="SJT25" s="61"/>
      <c r="SJU25" s="61"/>
      <c r="SJV25" s="61"/>
      <c r="SJW25" s="61"/>
      <c r="SJX25" s="62"/>
      <c r="SJY25" s="56"/>
      <c r="SJZ25" s="61"/>
      <c r="SKA25" s="61"/>
      <c r="SKB25" s="61"/>
      <c r="SKC25" s="61"/>
      <c r="SKD25" s="62"/>
      <c r="SKE25" s="56"/>
      <c r="SKF25" s="61"/>
      <c r="SKG25" s="61"/>
      <c r="SKH25" s="61"/>
      <c r="SKI25" s="61"/>
      <c r="SKJ25" s="62"/>
      <c r="SKK25" s="56"/>
      <c r="SKL25" s="61"/>
      <c r="SKM25" s="61"/>
      <c r="SKN25" s="61"/>
      <c r="SKO25" s="61"/>
      <c r="SKP25" s="62"/>
      <c r="SKQ25" s="56"/>
      <c r="SKR25" s="61"/>
      <c r="SKS25" s="61"/>
      <c r="SKT25" s="61"/>
      <c r="SKU25" s="61"/>
      <c r="SKV25" s="62"/>
      <c r="SKW25" s="56"/>
      <c r="SKX25" s="61"/>
      <c r="SKY25" s="61"/>
      <c r="SKZ25" s="61"/>
      <c r="SLA25" s="61"/>
      <c r="SLB25" s="62"/>
      <c r="SLC25" s="56"/>
      <c r="SLD25" s="61"/>
      <c r="SLE25" s="61"/>
      <c r="SLF25" s="61"/>
      <c r="SLG25" s="61"/>
      <c r="SLH25" s="62"/>
      <c r="SLI25" s="56"/>
      <c r="SLJ25" s="61"/>
      <c r="SLK25" s="61"/>
      <c r="SLL25" s="61"/>
      <c r="SLM25" s="61"/>
      <c r="SLN25" s="62"/>
      <c r="SLO25" s="56"/>
      <c r="SLP25" s="61"/>
      <c r="SLQ25" s="61"/>
      <c r="SLR25" s="61"/>
      <c r="SLS25" s="61"/>
      <c r="SLT25" s="62"/>
      <c r="SLU25" s="56"/>
      <c r="SLV25" s="61"/>
      <c r="SLW25" s="61"/>
      <c r="SLX25" s="61"/>
      <c r="SLY25" s="61"/>
      <c r="SLZ25" s="62"/>
      <c r="SMA25" s="56"/>
      <c r="SMB25" s="61"/>
      <c r="SMC25" s="61"/>
      <c r="SMD25" s="61"/>
      <c r="SME25" s="61"/>
      <c r="SMF25" s="62"/>
      <c r="SMG25" s="56"/>
      <c r="SMH25" s="61"/>
      <c r="SMI25" s="61"/>
      <c r="SMJ25" s="61"/>
      <c r="SMK25" s="61"/>
      <c r="SML25" s="62"/>
      <c r="SMM25" s="56"/>
      <c r="SMN25" s="61"/>
      <c r="SMO25" s="61"/>
      <c r="SMP25" s="61"/>
      <c r="SMQ25" s="61"/>
      <c r="SMR25" s="62"/>
      <c r="SMS25" s="56"/>
      <c r="SMT25" s="61"/>
      <c r="SMU25" s="61"/>
      <c r="SMV25" s="61"/>
      <c r="SMW25" s="61"/>
      <c r="SMX25" s="62"/>
      <c r="SMY25" s="56"/>
      <c r="SMZ25" s="61"/>
      <c r="SNA25" s="61"/>
      <c r="SNB25" s="61"/>
      <c r="SNC25" s="61"/>
      <c r="SND25" s="62"/>
      <c r="SNE25" s="56"/>
      <c r="SNF25" s="61"/>
      <c r="SNG25" s="61"/>
      <c r="SNH25" s="61"/>
      <c r="SNI25" s="61"/>
      <c r="SNJ25" s="62"/>
      <c r="SNK25" s="56"/>
      <c r="SNL25" s="61"/>
      <c r="SNM25" s="61"/>
      <c r="SNN25" s="61"/>
      <c r="SNO25" s="61"/>
      <c r="SNP25" s="62"/>
      <c r="SNQ25" s="56"/>
      <c r="SNR25" s="61"/>
      <c r="SNS25" s="61"/>
      <c r="SNT25" s="61"/>
      <c r="SNU25" s="61"/>
      <c r="SNV25" s="62"/>
      <c r="SNW25" s="56"/>
      <c r="SNX25" s="61"/>
      <c r="SNY25" s="61"/>
      <c r="SNZ25" s="61"/>
      <c r="SOA25" s="61"/>
      <c r="SOB25" s="62"/>
      <c r="SOC25" s="56"/>
      <c r="SOD25" s="61"/>
      <c r="SOE25" s="61"/>
      <c r="SOF25" s="61"/>
      <c r="SOG25" s="61"/>
      <c r="SOH25" s="62"/>
      <c r="SOI25" s="56"/>
      <c r="SOJ25" s="61"/>
      <c r="SOK25" s="61"/>
      <c r="SOL25" s="61"/>
      <c r="SOM25" s="61"/>
      <c r="SON25" s="62"/>
      <c r="SOO25" s="56"/>
      <c r="SOP25" s="61"/>
      <c r="SOQ25" s="61"/>
      <c r="SOR25" s="61"/>
      <c r="SOS25" s="61"/>
      <c r="SOT25" s="62"/>
      <c r="SOU25" s="56"/>
      <c r="SOV25" s="61"/>
      <c r="SOW25" s="61"/>
      <c r="SOX25" s="61"/>
      <c r="SOY25" s="61"/>
      <c r="SOZ25" s="62"/>
      <c r="SPA25" s="56"/>
      <c r="SPB25" s="61"/>
      <c r="SPC25" s="61"/>
      <c r="SPD25" s="61"/>
      <c r="SPE25" s="61"/>
      <c r="SPF25" s="62"/>
      <c r="SPG25" s="56"/>
      <c r="SPH25" s="61"/>
      <c r="SPI25" s="61"/>
      <c r="SPJ25" s="61"/>
      <c r="SPK25" s="61"/>
      <c r="SPL25" s="62"/>
      <c r="SPM25" s="56"/>
      <c r="SPN25" s="61"/>
      <c r="SPO25" s="61"/>
      <c r="SPP25" s="61"/>
      <c r="SPQ25" s="61"/>
      <c r="SPR25" s="62"/>
      <c r="SPS25" s="56"/>
      <c r="SPT25" s="61"/>
      <c r="SPU25" s="61"/>
      <c r="SPV25" s="61"/>
      <c r="SPW25" s="61"/>
      <c r="SPX25" s="62"/>
      <c r="SPY25" s="56"/>
      <c r="SPZ25" s="61"/>
      <c r="SQA25" s="61"/>
      <c r="SQB25" s="61"/>
      <c r="SQC25" s="61"/>
      <c r="SQD25" s="62"/>
      <c r="SQE25" s="56"/>
      <c r="SQF25" s="61"/>
      <c r="SQG25" s="61"/>
      <c r="SQH25" s="61"/>
      <c r="SQI25" s="61"/>
      <c r="SQJ25" s="62"/>
      <c r="SQK25" s="56"/>
      <c r="SQL25" s="61"/>
      <c r="SQM25" s="61"/>
      <c r="SQN25" s="61"/>
      <c r="SQO25" s="61"/>
      <c r="SQP25" s="62"/>
      <c r="SQQ25" s="56"/>
      <c r="SQR25" s="61"/>
      <c r="SQS25" s="61"/>
      <c r="SQT25" s="61"/>
      <c r="SQU25" s="61"/>
      <c r="SQV25" s="62"/>
      <c r="SQW25" s="56"/>
      <c r="SQX25" s="61"/>
      <c r="SQY25" s="61"/>
      <c r="SQZ25" s="61"/>
      <c r="SRA25" s="61"/>
      <c r="SRB25" s="62"/>
      <c r="SRC25" s="56"/>
      <c r="SRD25" s="61"/>
      <c r="SRE25" s="61"/>
      <c r="SRF25" s="61"/>
      <c r="SRG25" s="61"/>
      <c r="SRH25" s="62"/>
      <c r="SRI25" s="56"/>
      <c r="SRJ25" s="61"/>
      <c r="SRK25" s="61"/>
      <c r="SRL25" s="61"/>
      <c r="SRM25" s="61"/>
      <c r="SRN25" s="62"/>
      <c r="SRO25" s="56"/>
      <c r="SRP25" s="61"/>
      <c r="SRQ25" s="61"/>
      <c r="SRR25" s="61"/>
      <c r="SRS25" s="61"/>
      <c r="SRT25" s="62"/>
      <c r="SRU25" s="56"/>
      <c r="SRV25" s="61"/>
      <c r="SRW25" s="61"/>
      <c r="SRX25" s="61"/>
      <c r="SRY25" s="61"/>
      <c r="SRZ25" s="62"/>
      <c r="SSA25" s="56"/>
      <c r="SSB25" s="61"/>
      <c r="SSC25" s="61"/>
      <c r="SSD25" s="61"/>
      <c r="SSE25" s="61"/>
      <c r="SSF25" s="62"/>
      <c r="SSG25" s="56"/>
      <c r="SSH25" s="61"/>
      <c r="SSI25" s="61"/>
      <c r="SSJ25" s="61"/>
      <c r="SSK25" s="61"/>
      <c r="SSL25" s="62"/>
      <c r="SSM25" s="56"/>
      <c r="SSN25" s="61"/>
      <c r="SSO25" s="61"/>
      <c r="SSP25" s="61"/>
      <c r="SSQ25" s="61"/>
      <c r="SSR25" s="62"/>
      <c r="SSS25" s="56"/>
      <c r="SST25" s="61"/>
      <c r="SSU25" s="61"/>
      <c r="SSV25" s="61"/>
      <c r="SSW25" s="61"/>
      <c r="SSX25" s="62"/>
      <c r="SSY25" s="56"/>
      <c r="SSZ25" s="61"/>
      <c r="STA25" s="61"/>
      <c r="STB25" s="61"/>
      <c r="STC25" s="61"/>
      <c r="STD25" s="62"/>
      <c r="STE25" s="56"/>
      <c r="STF25" s="61"/>
      <c r="STG25" s="61"/>
      <c r="STH25" s="61"/>
      <c r="STI25" s="61"/>
      <c r="STJ25" s="62"/>
      <c r="STK25" s="56"/>
      <c r="STL25" s="61"/>
      <c r="STM25" s="61"/>
      <c r="STN25" s="61"/>
      <c r="STO25" s="61"/>
      <c r="STP25" s="62"/>
      <c r="STQ25" s="56"/>
      <c r="STR25" s="61"/>
      <c r="STS25" s="61"/>
      <c r="STT25" s="61"/>
      <c r="STU25" s="61"/>
      <c r="STV25" s="62"/>
      <c r="STW25" s="56"/>
      <c r="STX25" s="61"/>
      <c r="STY25" s="61"/>
      <c r="STZ25" s="61"/>
      <c r="SUA25" s="61"/>
      <c r="SUB25" s="62"/>
      <c r="SUC25" s="56"/>
      <c r="SUD25" s="61"/>
      <c r="SUE25" s="61"/>
      <c r="SUF25" s="61"/>
      <c r="SUG25" s="61"/>
      <c r="SUH25" s="62"/>
      <c r="SUI25" s="56"/>
      <c r="SUJ25" s="61"/>
      <c r="SUK25" s="61"/>
      <c r="SUL25" s="61"/>
      <c r="SUM25" s="61"/>
      <c r="SUN25" s="62"/>
      <c r="SUO25" s="56"/>
      <c r="SUP25" s="61"/>
      <c r="SUQ25" s="61"/>
      <c r="SUR25" s="61"/>
      <c r="SUS25" s="61"/>
      <c r="SUT25" s="62"/>
      <c r="SUU25" s="56"/>
      <c r="SUV25" s="61"/>
      <c r="SUW25" s="61"/>
      <c r="SUX25" s="61"/>
      <c r="SUY25" s="61"/>
      <c r="SUZ25" s="62"/>
      <c r="SVA25" s="56"/>
      <c r="SVB25" s="61"/>
      <c r="SVC25" s="61"/>
      <c r="SVD25" s="61"/>
      <c r="SVE25" s="61"/>
      <c r="SVF25" s="62"/>
      <c r="SVG25" s="56"/>
      <c r="SVH25" s="61"/>
      <c r="SVI25" s="61"/>
      <c r="SVJ25" s="61"/>
      <c r="SVK25" s="61"/>
      <c r="SVL25" s="62"/>
      <c r="SVM25" s="56"/>
      <c r="SVN25" s="61"/>
      <c r="SVO25" s="61"/>
      <c r="SVP25" s="61"/>
      <c r="SVQ25" s="61"/>
      <c r="SVR25" s="62"/>
      <c r="SVS25" s="56"/>
      <c r="SVT25" s="61"/>
      <c r="SVU25" s="61"/>
      <c r="SVV25" s="61"/>
      <c r="SVW25" s="61"/>
      <c r="SVX25" s="62"/>
      <c r="SVY25" s="56"/>
      <c r="SVZ25" s="61"/>
      <c r="SWA25" s="61"/>
      <c r="SWB25" s="61"/>
      <c r="SWC25" s="61"/>
      <c r="SWD25" s="62"/>
      <c r="SWE25" s="56"/>
      <c r="SWF25" s="61"/>
      <c r="SWG25" s="61"/>
      <c r="SWH25" s="61"/>
      <c r="SWI25" s="61"/>
      <c r="SWJ25" s="62"/>
      <c r="SWK25" s="56"/>
      <c r="SWL25" s="61"/>
      <c r="SWM25" s="61"/>
      <c r="SWN25" s="61"/>
      <c r="SWO25" s="61"/>
      <c r="SWP25" s="62"/>
      <c r="SWQ25" s="56"/>
      <c r="SWR25" s="61"/>
      <c r="SWS25" s="61"/>
      <c r="SWT25" s="61"/>
      <c r="SWU25" s="61"/>
      <c r="SWV25" s="62"/>
      <c r="SWW25" s="56"/>
      <c r="SWX25" s="61"/>
      <c r="SWY25" s="61"/>
      <c r="SWZ25" s="61"/>
      <c r="SXA25" s="61"/>
      <c r="SXB25" s="62"/>
      <c r="SXC25" s="56"/>
      <c r="SXD25" s="61"/>
      <c r="SXE25" s="61"/>
      <c r="SXF25" s="61"/>
      <c r="SXG25" s="61"/>
      <c r="SXH25" s="62"/>
      <c r="SXI25" s="56"/>
      <c r="SXJ25" s="61"/>
      <c r="SXK25" s="61"/>
      <c r="SXL25" s="61"/>
      <c r="SXM25" s="61"/>
      <c r="SXN25" s="62"/>
      <c r="SXO25" s="56"/>
      <c r="SXP25" s="61"/>
      <c r="SXQ25" s="61"/>
      <c r="SXR25" s="61"/>
      <c r="SXS25" s="61"/>
      <c r="SXT25" s="62"/>
      <c r="SXU25" s="56"/>
      <c r="SXV25" s="61"/>
      <c r="SXW25" s="61"/>
      <c r="SXX25" s="61"/>
      <c r="SXY25" s="61"/>
      <c r="SXZ25" s="62"/>
      <c r="SYA25" s="56"/>
      <c r="SYB25" s="61"/>
      <c r="SYC25" s="61"/>
      <c r="SYD25" s="61"/>
      <c r="SYE25" s="61"/>
      <c r="SYF25" s="62"/>
      <c r="SYG25" s="56"/>
      <c r="SYH25" s="61"/>
      <c r="SYI25" s="61"/>
      <c r="SYJ25" s="61"/>
      <c r="SYK25" s="61"/>
      <c r="SYL25" s="62"/>
      <c r="SYM25" s="56"/>
      <c r="SYN25" s="61"/>
      <c r="SYO25" s="61"/>
      <c r="SYP25" s="61"/>
      <c r="SYQ25" s="61"/>
      <c r="SYR25" s="62"/>
      <c r="SYS25" s="56"/>
      <c r="SYT25" s="61"/>
      <c r="SYU25" s="61"/>
      <c r="SYV25" s="61"/>
      <c r="SYW25" s="61"/>
      <c r="SYX25" s="62"/>
      <c r="SYY25" s="56"/>
      <c r="SYZ25" s="61"/>
      <c r="SZA25" s="61"/>
      <c r="SZB25" s="61"/>
      <c r="SZC25" s="61"/>
      <c r="SZD25" s="62"/>
      <c r="SZE25" s="56"/>
      <c r="SZF25" s="61"/>
      <c r="SZG25" s="61"/>
      <c r="SZH25" s="61"/>
      <c r="SZI25" s="61"/>
      <c r="SZJ25" s="62"/>
      <c r="SZK25" s="56"/>
      <c r="SZL25" s="61"/>
      <c r="SZM25" s="61"/>
      <c r="SZN25" s="61"/>
      <c r="SZO25" s="61"/>
      <c r="SZP25" s="62"/>
      <c r="SZQ25" s="56"/>
      <c r="SZR25" s="61"/>
      <c r="SZS25" s="61"/>
      <c r="SZT25" s="61"/>
      <c r="SZU25" s="61"/>
      <c r="SZV25" s="62"/>
      <c r="SZW25" s="56"/>
      <c r="SZX25" s="61"/>
      <c r="SZY25" s="61"/>
      <c r="SZZ25" s="61"/>
      <c r="TAA25" s="61"/>
      <c r="TAB25" s="62"/>
      <c r="TAC25" s="56"/>
      <c r="TAD25" s="61"/>
      <c r="TAE25" s="61"/>
      <c r="TAF25" s="61"/>
      <c r="TAG25" s="61"/>
      <c r="TAH25" s="62"/>
      <c r="TAI25" s="56"/>
      <c r="TAJ25" s="61"/>
      <c r="TAK25" s="61"/>
      <c r="TAL25" s="61"/>
      <c r="TAM25" s="61"/>
      <c r="TAN25" s="62"/>
      <c r="TAO25" s="56"/>
      <c r="TAP25" s="61"/>
      <c r="TAQ25" s="61"/>
      <c r="TAR25" s="61"/>
      <c r="TAS25" s="61"/>
      <c r="TAT25" s="62"/>
      <c r="TAU25" s="56"/>
      <c r="TAV25" s="61"/>
      <c r="TAW25" s="61"/>
      <c r="TAX25" s="61"/>
      <c r="TAY25" s="61"/>
      <c r="TAZ25" s="62"/>
      <c r="TBA25" s="56"/>
      <c r="TBB25" s="61"/>
      <c r="TBC25" s="61"/>
      <c r="TBD25" s="61"/>
      <c r="TBE25" s="61"/>
      <c r="TBF25" s="62"/>
      <c r="TBG25" s="56"/>
      <c r="TBH25" s="61"/>
      <c r="TBI25" s="61"/>
      <c r="TBJ25" s="61"/>
      <c r="TBK25" s="61"/>
      <c r="TBL25" s="62"/>
      <c r="TBM25" s="56"/>
      <c r="TBN25" s="61"/>
      <c r="TBO25" s="61"/>
      <c r="TBP25" s="61"/>
      <c r="TBQ25" s="61"/>
      <c r="TBR25" s="62"/>
      <c r="TBS25" s="56"/>
      <c r="TBT25" s="61"/>
      <c r="TBU25" s="61"/>
      <c r="TBV25" s="61"/>
      <c r="TBW25" s="61"/>
      <c r="TBX25" s="62"/>
      <c r="TBY25" s="56"/>
      <c r="TBZ25" s="61"/>
      <c r="TCA25" s="61"/>
      <c r="TCB25" s="61"/>
      <c r="TCC25" s="61"/>
      <c r="TCD25" s="62"/>
      <c r="TCE25" s="56"/>
      <c r="TCF25" s="61"/>
      <c r="TCG25" s="61"/>
      <c r="TCH25" s="61"/>
      <c r="TCI25" s="61"/>
      <c r="TCJ25" s="62"/>
      <c r="TCK25" s="56"/>
      <c r="TCL25" s="61"/>
      <c r="TCM25" s="61"/>
      <c r="TCN25" s="61"/>
      <c r="TCO25" s="61"/>
      <c r="TCP25" s="62"/>
      <c r="TCQ25" s="56"/>
      <c r="TCR25" s="61"/>
      <c r="TCS25" s="61"/>
      <c r="TCT25" s="61"/>
      <c r="TCU25" s="61"/>
      <c r="TCV25" s="62"/>
      <c r="TCW25" s="56"/>
      <c r="TCX25" s="61"/>
      <c r="TCY25" s="61"/>
      <c r="TCZ25" s="61"/>
      <c r="TDA25" s="61"/>
      <c r="TDB25" s="62"/>
      <c r="TDC25" s="56"/>
      <c r="TDD25" s="61"/>
      <c r="TDE25" s="61"/>
      <c r="TDF25" s="61"/>
      <c r="TDG25" s="61"/>
      <c r="TDH25" s="62"/>
      <c r="TDI25" s="56"/>
      <c r="TDJ25" s="61"/>
      <c r="TDK25" s="61"/>
      <c r="TDL25" s="61"/>
      <c r="TDM25" s="61"/>
      <c r="TDN25" s="62"/>
      <c r="TDO25" s="56"/>
      <c r="TDP25" s="61"/>
      <c r="TDQ25" s="61"/>
      <c r="TDR25" s="61"/>
      <c r="TDS25" s="61"/>
      <c r="TDT25" s="62"/>
      <c r="TDU25" s="56"/>
      <c r="TDV25" s="61"/>
      <c r="TDW25" s="61"/>
      <c r="TDX25" s="61"/>
      <c r="TDY25" s="61"/>
      <c r="TDZ25" s="62"/>
      <c r="TEA25" s="56"/>
      <c r="TEB25" s="61"/>
      <c r="TEC25" s="61"/>
      <c r="TED25" s="61"/>
      <c r="TEE25" s="61"/>
      <c r="TEF25" s="62"/>
      <c r="TEG25" s="56"/>
      <c r="TEH25" s="61"/>
      <c r="TEI25" s="61"/>
      <c r="TEJ25" s="61"/>
      <c r="TEK25" s="61"/>
      <c r="TEL25" s="62"/>
      <c r="TEM25" s="56"/>
      <c r="TEN25" s="61"/>
      <c r="TEO25" s="61"/>
      <c r="TEP25" s="61"/>
      <c r="TEQ25" s="61"/>
      <c r="TER25" s="62"/>
      <c r="TES25" s="56"/>
      <c r="TET25" s="61"/>
      <c r="TEU25" s="61"/>
      <c r="TEV25" s="61"/>
      <c r="TEW25" s="61"/>
      <c r="TEX25" s="62"/>
      <c r="TEY25" s="56"/>
      <c r="TEZ25" s="61"/>
      <c r="TFA25" s="61"/>
      <c r="TFB25" s="61"/>
      <c r="TFC25" s="61"/>
      <c r="TFD25" s="62"/>
      <c r="TFE25" s="56"/>
      <c r="TFF25" s="61"/>
      <c r="TFG25" s="61"/>
      <c r="TFH25" s="61"/>
      <c r="TFI25" s="61"/>
      <c r="TFJ25" s="62"/>
      <c r="TFK25" s="56"/>
      <c r="TFL25" s="61"/>
      <c r="TFM25" s="61"/>
      <c r="TFN25" s="61"/>
      <c r="TFO25" s="61"/>
      <c r="TFP25" s="62"/>
      <c r="TFQ25" s="56"/>
      <c r="TFR25" s="61"/>
      <c r="TFS25" s="61"/>
      <c r="TFT25" s="61"/>
      <c r="TFU25" s="61"/>
      <c r="TFV25" s="62"/>
      <c r="TFW25" s="56"/>
      <c r="TFX25" s="61"/>
      <c r="TFY25" s="61"/>
      <c r="TFZ25" s="61"/>
      <c r="TGA25" s="61"/>
      <c r="TGB25" s="62"/>
      <c r="TGC25" s="56"/>
      <c r="TGD25" s="61"/>
      <c r="TGE25" s="61"/>
      <c r="TGF25" s="61"/>
      <c r="TGG25" s="61"/>
      <c r="TGH25" s="62"/>
      <c r="TGI25" s="56"/>
      <c r="TGJ25" s="61"/>
      <c r="TGK25" s="61"/>
      <c r="TGL25" s="61"/>
      <c r="TGM25" s="61"/>
      <c r="TGN25" s="62"/>
      <c r="TGO25" s="56"/>
      <c r="TGP25" s="61"/>
      <c r="TGQ25" s="61"/>
      <c r="TGR25" s="61"/>
      <c r="TGS25" s="61"/>
      <c r="TGT25" s="62"/>
      <c r="TGU25" s="56"/>
      <c r="TGV25" s="61"/>
      <c r="TGW25" s="61"/>
      <c r="TGX25" s="61"/>
      <c r="TGY25" s="61"/>
      <c r="TGZ25" s="62"/>
      <c r="THA25" s="56"/>
      <c r="THB25" s="61"/>
      <c r="THC25" s="61"/>
      <c r="THD25" s="61"/>
      <c r="THE25" s="61"/>
      <c r="THF25" s="62"/>
      <c r="THG25" s="56"/>
      <c r="THH25" s="61"/>
      <c r="THI25" s="61"/>
      <c r="THJ25" s="61"/>
      <c r="THK25" s="61"/>
      <c r="THL25" s="62"/>
      <c r="THM25" s="56"/>
      <c r="THN25" s="61"/>
      <c r="THO25" s="61"/>
      <c r="THP25" s="61"/>
      <c r="THQ25" s="61"/>
      <c r="THR25" s="62"/>
      <c r="THS25" s="56"/>
      <c r="THT25" s="61"/>
      <c r="THU25" s="61"/>
      <c r="THV25" s="61"/>
      <c r="THW25" s="61"/>
      <c r="THX25" s="62"/>
      <c r="THY25" s="56"/>
      <c r="THZ25" s="61"/>
      <c r="TIA25" s="61"/>
      <c r="TIB25" s="61"/>
      <c r="TIC25" s="61"/>
      <c r="TID25" s="62"/>
      <c r="TIE25" s="56"/>
      <c r="TIF25" s="61"/>
      <c r="TIG25" s="61"/>
      <c r="TIH25" s="61"/>
      <c r="TII25" s="61"/>
      <c r="TIJ25" s="62"/>
      <c r="TIK25" s="56"/>
      <c r="TIL25" s="61"/>
      <c r="TIM25" s="61"/>
      <c r="TIN25" s="61"/>
      <c r="TIO25" s="61"/>
      <c r="TIP25" s="62"/>
      <c r="TIQ25" s="56"/>
      <c r="TIR25" s="61"/>
      <c r="TIS25" s="61"/>
      <c r="TIT25" s="61"/>
      <c r="TIU25" s="61"/>
      <c r="TIV25" s="62"/>
      <c r="TIW25" s="56"/>
      <c r="TIX25" s="61"/>
      <c r="TIY25" s="61"/>
      <c r="TIZ25" s="61"/>
      <c r="TJA25" s="61"/>
      <c r="TJB25" s="62"/>
      <c r="TJC25" s="56"/>
      <c r="TJD25" s="61"/>
      <c r="TJE25" s="61"/>
      <c r="TJF25" s="61"/>
      <c r="TJG25" s="61"/>
      <c r="TJH25" s="62"/>
      <c r="TJI25" s="56"/>
      <c r="TJJ25" s="61"/>
      <c r="TJK25" s="61"/>
      <c r="TJL25" s="61"/>
      <c r="TJM25" s="61"/>
      <c r="TJN25" s="62"/>
      <c r="TJO25" s="56"/>
      <c r="TJP25" s="61"/>
      <c r="TJQ25" s="61"/>
      <c r="TJR25" s="61"/>
      <c r="TJS25" s="61"/>
      <c r="TJT25" s="62"/>
      <c r="TJU25" s="56"/>
      <c r="TJV25" s="61"/>
      <c r="TJW25" s="61"/>
      <c r="TJX25" s="61"/>
      <c r="TJY25" s="61"/>
      <c r="TJZ25" s="62"/>
      <c r="TKA25" s="56"/>
      <c r="TKB25" s="61"/>
      <c r="TKC25" s="61"/>
      <c r="TKD25" s="61"/>
      <c r="TKE25" s="61"/>
      <c r="TKF25" s="62"/>
      <c r="TKG25" s="56"/>
      <c r="TKH25" s="61"/>
      <c r="TKI25" s="61"/>
      <c r="TKJ25" s="61"/>
      <c r="TKK25" s="61"/>
      <c r="TKL25" s="62"/>
      <c r="TKM25" s="56"/>
      <c r="TKN25" s="61"/>
      <c r="TKO25" s="61"/>
      <c r="TKP25" s="61"/>
      <c r="TKQ25" s="61"/>
      <c r="TKR25" s="62"/>
      <c r="TKS25" s="56"/>
      <c r="TKT25" s="61"/>
      <c r="TKU25" s="61"/>
      <c r="TKV25" s="61"/>
      <c r="TKW25" s="61"/>
      <c r="TKX25" s="62"/>
      <c r="TKY25" s="56"/>
      <c r="TKZ25" s="61"/>
      <c r="TLA25" s="61"/>
      <c r="TLB25" s="61"/>
      <c r="TLC25" s="61"/>
      <c r="TLD25" s="62"/>
      <c r="TLE25" s="56"/>
      <c r="TLF25" s="61"/>
      <c r="TLG25" s="61"/>
      <c r="TLH25" s="61"/>
      <c r="TLI25" s="61"/>
      <c r="TLJ25" s="62"/>
      <c r="TLK25" s="56"/>
      <c r="TLL25" s="61"/>
      <c r="TLM25" s="61"/>
      <c r="TLN25" s="61"/>
      <c r="TLO25" s="61"/>
      <c r="TLP25" s="62"/>
      <c r="TLQ25" s="56"/>
      <c r="TLR25" s="61"/>
      <c r="TLS25" s="61"/>
      <c r="TLT25" s="61"/>
      <c r="TLU25" s="61"/>
      <c r="TLV25" s="62"/>
      <c r="TLW25" s="56"/>
      <c r="TLX25" s="61"/>
      <c r="TLY25" s="61"/>
      <c r="TLZ25" s="61"/>
      <c r="TMA25" s="61"/>
      <c r="TMB25" s="62"/>
      <c r="TMC25" s="56"/>
      <c r="TMD25" s="61"/>
      <c r="TME25" s="61"/>
      <c r="TMF25" s="61"/>
      <c r="TMG25" s="61"/>
      <c r="TMH25" s="62"/>
      <c r="TMI25" s="56"/>
      <c r="TMJ25" s="61"/>
      <c r="TMK25" s="61"/>
      <c r="TML25" s="61"/>
      <c r="TMM25" s="61"/>
      <c r="TMN25" s="62"/>
      <c r="TMO25" s="56"/>
      <c r="TMP25" s="61"/>
      <c r="TMQ25" s="61"/>
      <c r="TMR25" s="61"/>
      <c r="TMS25" s="61"/>
      <c r="TMT25" s="62"/>
      <c r="TMU25" s="56"/>
      <c r="TMV25" s="61"/>
      <c r="TMW25" s="61"/>
      <c r="TMX25" s="61"/>
      <c r="TMY25" s="61"/>
      <c r="TMZ25" s="62"/>
      <c r="TNA25" s="56"/>
      <c r="TNB25" s="61"/>
      <c r="TNC25" s="61"/>
      <c r="TND25" s="61"/>
      <c r="TNE25" s="61"/>
      <c r="TNF25" s="62"/>
      <c r="TNG25" s="56"/>
      <c r="TNH25" s="61"/>
      <c r="TNI25" s="61"/>
      <c r="TNJ25" s="61"/>
      <c r="TNK25" s="61"/>
      <c r="TNL25" s="62"/>
      <c r="TNM25" s="56"/>
      <c r="TNN25" s="61"/>
      <c r="TNO25" s="61"/>
      <c r="TNP25" s="61"/>
      <c r="TNQ25" s="61"/>
      <c r="TNR25" s="62"/>
      <c r="TNS25" s="56"/>
      <c r="TNT25" s="61"/>
      <c r="TNU25" s="61"/>
      <c r="TNV25" s="61"/>
      <c r="TNW25" s="61"/>
      <c r="TNX25" s="62"/>
      <c r="TNY25" s="56"/>
      <c r="TNZ25" s="61"/>
      <c r="TOA25" s="61"/>
      <c r="TOB25" s="61"/>
      <c r="TOC25" s="61"/>
      <c r="TOD25" s="62"/>
      <c r="TOE25" s="56"/>
      <c r="TOF25" s="61"/>
      <c r="TOG25" s="61"/>
      <c r="TOH25" s="61"/>
      <c r="TOI25" s="61"/>
      <c r="TOJ25" s="62"/>
      <c r="TOK25" s="56"/>
      <c r="TOL25" s="61"/>
      <c r="TOM25" s="61"/>
      <c r="TON25" s="61"/>
      <c r="TOO25" s="61"/>
      <c r="TOP25" s="62"/>
      <c r="TOQ25" s="56"/>
      <c r="TOR25" s="61"/>
      <c r="TOS25" s="61"/>
      <c r="TOT25" s="61"/>
      <c r="TOU25" s="61"/>
      <c r="TOV25" s="62"/>
      <c r="TOW25" s="56"/>
      <c r="TOX25" s="61"/>
      <c r="TOY25" s="61"/>
      <c r="TOZ25" s="61"/>
      <c r="TPA25" s="61"/>
      <c r="TPB25" s="62"/>
      <c r="TPC25" s="56"/>
      <c r="TPD25" s="61"/>
      <c r="TPE25" s="61"/>
      <c r="TPF25" s="61"/>
      <c r="TPG25" s="61"/>
      <c r="TPH25" s="62"/>
      <c r="TPI25" s="56"/>
      <c r="TPJ25" s="61"/>
      <c r="TPK25" s="61"/>
      <c r="TPL25" s="61"/>
      <c r="TPM25" s="61"/>
      <c r="TPN25" s="62"/>
      <c r="TPO25" s="56"/>
      <c r="TPP25" s="61"/>
      <c r="TPQ25" s="61"/>
      <c r="TPR25" s="61"/>
      <c r="TPS25" s="61"/>
      <c r="TPT25" s="62"/>
      <c r="TPU25" s="56"/>
      <c r="TPV25" s="61"/>
      <c r="TPW25" s="61"/>
      <c r="TPX25" s="61"/>
      <c r="TPY25" s="61"/>
      <c r="TPZ25" s="62"/>
      <c r="TQA25" s="56"/>
      <c r="TQB25" s="61"/>
      <c r="TQC25" s="61"/>
      <c r="TQD25" s="61"/>
      <c r="TQE25" s="61"/>
      <c r="TQF25" s="62"/>
      <c r="TQG25" s="56"/>
      <c r="TQH25" s="61"/>
      <c r="TQI25" s="61"/>
      <c r="TQJ25" s="61"/>
      <c r="TQK25" s="61"/>
      <c r="TQL25" s="62"/>
      <c r="TQM25" s="56"/>
      <c r="TQN25" s="61"/>
      <c r="TQO25" s="61"/>
      <c r="TQP25" s="61"/>
      <c r="TQQ25" s="61"/>
      <c r="TQR25" s="62"/>
      <c r="TQS25" s="56"/>
      <c r="TQT25" s="61"/>
      <c r="TQU25" s="61"/>
      <c r="TQV25" s="61"/>
      <c r="TQW25" s="61"/>
      <c r="TQX25" s="62"/>
      <c r="TQY25" s="56"/>
      <c r="TQZ25" s="61"/>
      <c r="TRA25" s="61"/>
      <c r="TRB25" s="61"/>
      <c r="TRC25" s="61"/>
      <c r="TRD25" s="62"/>
      <c r="TRE25" s="56"/>
      <c r="TRF25" s="61"/>
      <c r="TRG25" s="61"/>
      <c r="TRH25" s="61"/>
      <c r="TRI25" s="61"/>
      <c r="TRJ25" s="62"/>
      <c r="TRK25" s="56"/>
      <c r="TRL25" s="61"/>
      <c r="TRM25" s="61"/>
      <c r="TRN25" s="61"/>
      <c r="TRO25" s="61"/>
      <c r="TRP25" s="62"/>
      <c r="TRQ25" s="56"/>
      <c r="TRR25" s="61"/>
      <c r="TRS25" s="61"/>
      <c r="TRT25" s="61"/>
      <c r="TRU25" s="61"/>
      <c r="TRV25" s="62"/>
      <c r="TRW25" s="56"/>
      <c r="TRX25" s="61"/>
      <c r="TRY25" s="61"/>
      <c r="TRZ25" s="61"/>
      <c r="TSA25" s="61"/>
      <c r="TSB25" s="62"/>
      <c r="TSC25" s="56"/>
      <c r="TSD25" s="61"/>
      <c r="TSE25" s="61"/>
      <c r="TSF25" s="61"/>
      <c r="TSG25" s="61"/>
      <c r="TSH25" s="62"/>
      <c r="TSI25" s="56"/>
      <c r="TSJ25" s="61"/>
      <c r="TSK25" s="61"/>
      <c r="TSL25" s="61"/>
      <c r="TSM25" s="61"/>
      <c r="TSN25" s="62"/>
      <c r="TSO25" s="56"/>
      <c r="TSP25" s="61"/>
      <c r="TSQ25" s="61"/>
      <c r="TSR25" s="61"/>
      <c r="TSS25" s="61"/>
      <c r="TST25" s="62"/>
      <c r="TSU25" s="56"/>
      <c r="TSV25" s="61"/>
      <c r="TSW25" s="61"/>
      <c r="TSX25" s="61"/>
      <c r="TSY25" s="61"/>
      <c r="TSZ25" s="62"/>
      <c r="TTA25" s="56"/>
      <c r="TTB25" s="61"/>
      <c r="TTC25" s="61"/>
      <c r="TTD25" s="61"/>
      <c r="TTE25" s="61"/>
      <c r="TTF25" s="62"/>
      <c r="TTG25" s="56"/>
      <c r="TTH25" s="61"/>
      <c r="TTI25" s="61"/>
      <c r="TTJ25" s="61"/>
      <c r="TTK25" s="61"/>
      <c r="TTL25" s="62"/>
      <c r="TTM25" s="56"/>
      <c r="TTN25" s="61"/>
      <c r="TTO25" s="61"/>
      <c r="TTP25" s="61"/>
      <c r="TTQ25" s="61"/>
      <c r="TTR25" s="62"/>
      <c r="TTS25" s="56"/>
      <c r="TTT25" s="61"/>
      <c r="TTU25" s="61"/>
      <c r="TTV25" s="61"/>
      <c r="TTW25" s="61"/>
      <c r="TTX25" s="62"/>
      <c r="TTY25" s="56"/>
      <c r="TTZ25" s="61"/>
      <c r="TUA25" s="61"/>
      <c r="TUB25" s="61"/>
      <c r="TUC25" s="61"/>
      <c r="TUD25" s="62"/>
      <c r="TUE25" s="56"/>
      <c r="TUF25" s="61"/>
      <c r="TUG25" s="61"/>
      <c r="TUH25" s="61"/>
      <c r="TUI25" s="61"/>
      <c r="TUJ25" s="62"/>
      <c r="TUK25" s="56"/>
      <c r="TUL25" s="61"/>
      <c r="TUM25" s="61"/>
      <c r="TUN25" s="61"/>
      <c r="TUO25" s="61"/>
      <c r="TUP25" s="62"/>
      <c r="TUQ25" s="56"/>
      <c r="TUR25" s="61"/>
      <c r="TUS25" s="61"/>
      <c r="TUT25" s="61"/>
      <c r="TUU25" s="61"/>
      <c r="TUV25" s="62"/>
      <c r="TUW25" s="56"/>
      <c r="TUX25" s="61"/>
      <c r="TUY25" s="61"/>
      <c r="TUZ25" s="61"/>
      <c r="TVA25" s="61"/>
      <c r="TVB25" s="62"/>
      <c r="TVC25" s="56"/>
      <c r="TVD25" s="61"/>
      <c r="TVE25" s="61"/>
      <c r="TVF25" s="61"/>
      <c r="TVG25" s="61"/>
      <c r="TVH25" s="62"/>
      <c r="TVI25" s="56"/>
      <c r="TVJ25" s="61"/>
      <c r="TVK25" s="61"/>
      <c r="TVL25" s="61"/>
      <c r="TVM25" s="61"/>
      <c r="TVN25" s="62"/>
      <c r="TVO25" s="56"/>
      <c r="TVP25" s="61"/>
      <c r="TVQ25" s="61"/>
      <c r="TVR25" s="61"/>
      <c r="TVS25" s="61"/>
      <c r="TVT25" s="62"/>
      <c r="TVU25" s="56"/>
      <c r="TVV25" s="61"/>
      <c r="TVW25" s="61"/>
      <c r="TVX25" s="61"/>
      <c r="TVY25" s="61"/>
      <c r="TVZ25" s="62"/>
      <c r="TWA25" s="56"/>
      <c r="TWB25" s="61"/>
      <c r="TWC25" s="61"/>
      <c r="TWD25" s="61"/>
      <c r="TWE25" s="61"/>
      <c r="TWF25" s="62"/>
      <c r="TWG25" s="56"/>
      <c r="TWH25" s="61"/>
      <c r="TWI25" s="61"/>
      <c r="TWJ25" s="61"/>
      <c r="TWK25" s="61"/>
      <c r="TWL25" s="62"/>
      <c r="TWM25" s="56"/>
      <c r="TWN25" s="61"/>
      <c r="TWO25" s="61"/>
      <c r="TWP25" s="61"/>
      <c r="TWQ25" s="61"/>
      <c r="TWR25" s="62"/>
      <c r="TWS25" s="56"/>
      <c r="TWT25" s="61"/>
      <c r="TWU25" s="61"/>
      <c r="TWV25" s="61"/>
      <c r="TWW25" s="61"/>
      <c r="TWX25" s="62"/>
      <c r="TWY25" s="56"/>
      <c r="TWZ25" s="61"/>
      <c r="TXA25" s="61"/>
      <c r="TXB25" s="61"/>
      <c r="TXC25" s="61"/>
      <c r="TXD25" s="62"/>
      <c r="TXE25" s="56"/>
      <c r="TXF25" s="61"/>
      <c r="TXG25" s="61"/>
      <c r="TXH25" s="61"/>
      <c r="TXI25" s="61"/>
      <c r="TXJ25" s="62"/>
      <c r="TXK25" s="56"/>
      <c r="TXL25" s="61"/>
      <c r="TXM25" s="61"/>
      <c r="TXN25" s="61"/>
      <c r="TXO25" s="61"/>
      <c r="TXP25" s="62"/>
      <c r="TXQ25" s="56"/>
      <c r="TXR25" s="61"/>
      <c r="TXS25" s="61"/>
      <c r="TXT25" s="61"/>
      <c r="TXU25" s="61"/>
      <c r="TXV25" s="62"/>
      <c r="TXW25" s="56"/>
      <c r="TXX25" s="61"/>
      <c r="TXY25" s="61"/>
      <c r="TXZ25" s="61"/>
      <c r="TYA25" s="61"/>
      <c r="TYB25" s="62"/>
      <c r="TYC25" s="56"/>
      <c r="TYD25" s="61"/>
      <c r="TYE25" s="61"/>
      <c r="TYF25" s="61"/>
      <c r="TYG25" s="61"/>
      <c r="TYH25" s="62"/>
      <c r="TYI25" s="56"/>
      <c r="TYJ25" s="61"/>
      <c r="TYK25" s="61"/>
      <c r="TYL25" s="61"/>
      <c r="TYM25" s="61"/>
      <c r="TYN25" s="62"/>
      <c r="TYO25" s="56"/>
      <c r="TYP25" s="61"/>
      <c r="TYQ25" s="61"/>
      <c r="TYR25" s="61"/>
      <c r="TYS25" s="61"/>
      <c r="TYT25" s="62"/>
      <c r="TYU25" s="56"/>
      <c r="TYV25" s="61"/>
      <c r="TYW25" s="61"/>
      <c r="TYX25" s="61"/>
      <c r="TYY25" s="61"/>
      <c r="TYZ25" s="62"/>
      <c r="TZA25" s="56"/>
      <c r="TZB25" s="61"/>
      <c r="TZC25" s="61"/>
      <c r="TZD25" s="61"/>
      <c r="TZE25" s="61"/>
      <c r="TZF25" s="62"/>
      <c r="TZG25" s="56"/>
      <c r="TZH25" s="61"/>
      <c r="TZI25" s="61"/>
      <c r="TZJ25" s="61"/>
      <c r="TZK25" s="61"/>
      <c r="TZL25" s="62"/>
      <c r="TZM25" s="56"/>
      <c r="TZN25" s="61"/>
      <c r="TZO25" s="61"/>
      <c r="TZP25" s="61"/>
      <c r="TZQ25" s="61"/>
      <c r="TZR25" s="62"/>
      <c r="TZS25" s="56"/>
      <c r="TZT25" s="61"/>
      <c r="TZU25" s="61"/>
      <c r="TZV25" s="61"/>
      <c r="TZW25" s="61"/>
      <c r="TZX25" s="62"/>
      <c r="TZY25" s="56"/>
      <c r="TZZ25" s="61"/>
      <c r="UAA25" s="61"/>
      <c r="UAB25" s="61"/>
      <c r="UAC25" s="61"/>
      <c r="UAD25" s="62"/>
      <c r="UAE25" s="56"/>
      <c r="UAF25" s="61"/>
      <c r="UAG25" s="61"/>
      <c r="UAH25" s="61"/>
      <c r="UAI25" s="61"/>
      <c r="UAJ25" s="62"/>
      <c r="UAK25" s="56"/>
      <c r="UAL25" s="61"/>
      <c r="UAM25" s="61"/>
      <c r="UAN25" s="61"/>
      <c r="UAO25" s="61"/>
      <c r="UAP25" s="62"/>
      <c r="UAQ25" s="56"/>
      <c r="UAR25" s="61"/>
      <c r="UAS25" s="61"/>
      <c r="UAT25" s="61"/>
      <c r="UAU25" s="61"/>
      <c r="UAV25" s="62"/>
      <c r="UAW25" s="56"/>
      <c r="UAX25" s="61"/>
      <c r="UAY25" s="61"/>
      <c r="UAZ25" s="61"/>
      <c r="UBA25" s="61"/>
      <c r="UBB25" s="62"/>
      <c r="UBC25" s="56"/>
      <c r="UBD25" s="61"/>
      <c r="UBE25" s="61"/>
      <c r="UBF25" s="61"/>
      <c r="UBG25" s="61"/>
      <c r="UBH25" s="62"/>
      <c r="UBI25" s="56"/>
      <c r="UBJ25" s="61"/>
      <c r="UBK25" s="61"/>
      <c r="UBL25" s="61"/>
      <c r="UBM25" s="61"/>
      <c r="UBN25" s="62"/>
      <c r="UBO25" s="56"/>
      <c r="UBP25" s="61"/>
      <c r="UBQ25" s="61"/>
      <c r="UBR25" s="61"/>
      <c r="UBS25" s="61"/>
      <c r="UBT25" s="62"/>
      <c r="UBU25" s="56"/>
      <c r="UBV25" s="61"/>
      <c r="UBW25" s="61"/>
      <c r="UBX25" s="61"/>
      <c r="UBY25" s="61"/>
      <c r="UBZ25" s="62"/>
      <c r="UCA25" s="56"/>
      <c r="UCB25" s="61"/>
      <c r="UCC25" s="61"/>
      <c r="UCD25" s="61"/>
      <c r="UCE25" s="61"/>
      <c r="UCF25" s="62"/>
      <c r="UCG25" s="56"/>
      <c r="UCH25" s="61"/>
      <c r="UCI25" s="61"/>
      <c r="UCJ25" s="61"/>
      <c r="UCK25" s="61"/>
      <c r="UCL25" s="62"/>
      <c r="UCM25" s="56"/>
      <c r="UCN25" s="61"/>
      <c r="UCO25" s="61"/>
      <c r="UCP25" s="61"/>
      <c r="UCQ25" s="61"/>
      <c r="UCR25" s="62"/>
      <c r="UCS25" s="56"/>
      <c r="UCT25" s="61"/>
      <c r="UCU25" s="61"/>
      <c r="UCV25" s="61"/>
      <c r="UCW25" s="61"/>
      <c r="UCX25" s="62"/>
      <c r="UCY25" s="56"/>
      <c r="UCZ25" s="61"/>
      <c r="UDA25" s="61"/>
      <c r="UDB25" s="61"/>
      <c r="UDC25" s="61"/>
      <c r="UDD25" s="62"/>
      <c r="UDE25" s="56"/>
      <c r="UDF25" s="61"/>
      <c r="UDG25" s="61"/>
      <c r="UDH25" s="61"/>
      <c r="UDI25" s="61"/>
      <c r="UDJ25" s="62"/>
      <c r="UDK25" s="56"/>
      <c r="UDL25" s="61"/>
      <c r="UDM25" s="61"/>
      <c r="UDN25" s="61"/>
      <c r="UDO25" s="61"/>
      <c r="UDP25" s="62"/>
      <c r="UDQ25" s="56"/>
      <c r="UDR25" s="61"/>
      <c r="UDS25" s="61"/>
      <c r="UDT25" s="61"/>
      <c r="UDU25" s="61"/>
      <c r="UDV25" s="62"/>
      <c r="UDW25" s="56"/>
      <c r="UDX25" s="61"/>
      <c r="UDY25" s="61"/>
      <c r="UDZ25" s="61"/>
      <c r="UEA25" s="61"/>
      <c r="UEB25" s="62"/>
      <c r="UEC25" s="56"/>
      <c r="UED25" s="61"/>
      <c r="UEE25" s="61"/>
      <c r="UEF25" s="61"/>
      <c r="UEG25" s="61"/>
      <c r="UEH25" s="62"/>
      <c r="UEI25" s="56"/>
      <c r="UEJ25" s="61"/>
      <c r="UEK25" s="61"/>
      <c r="UEL25" s="61"/>
      <c r="UEM25" s="61"/>
      <c r="UEN25" s="62"/>
      <c r="UEO25" s="56"/>
      <c r="UEP25" s="61"/>
      <c r="UEQ25" s="61"/>
      <c r="UER25" s="61"/>
      <c r="UES25" s="61"/>
      <c r="UET25" s="62"/>
      <c r="UEU25" s="56"/>
      <c r="UEV25" s="61"/>
      <c r="UEW25" s="61"/>
      <c r="UEX25" s="61"/>
      <c r="UEY25" s="61"/>
      <c r="UEZ25" s="62"/>
      <c r="UFA25" s="56"/>
      <c r="UFB25" s="61"/>
      <c r="UFC25" s="61"/>
      <c r="UFD25" s="61"/>
      <c r="UFE25" s="61"/>
      <c r="UFF25" s="62"/>
      <c r="UFG25" s="56"/>
      <c r="UFH25" s="61"/>
      <c r="UFI25" s="61"/>
      <c r="UFJ25" s="61"/>
      <c r="UFK25" s="61"/>
      <c r="UFL25" s="62"/>
      <c r="UFM25" s="56"/>
      <c r="UFN25" s="61"/>
      <c r="UFO25" s="61"/>
      <c r="UFP25" s="61"/>
      <c r="UFQ25" s="61"/>
      <c r="UFR25" s="62"/>
      <c r="UFS25" s="56"/>
      <c r="UFT25" s="61"/>
      <c r="UFU25" s="61"/>
      <c r="UFV25" s="61"/>
      <c r="UFW25" s="61"/>
      <c r="UFX25" s="62"/>
      <c r="UFY25" s="56"/>
      <c r="UFZ25" s="61"/>
      <c r="UGA25" s="61"/>
      <c r="UGB25" s="61"/>
      <c r="UGC25" s="61"/>
      <c r="UGD25" s="62"/>
      <c r="UGE25" s="56"/>
      <c r="UGF25" s="61"/>
      <c r="UGG25" s="61"/>
      <c r="UGH25" s="61"/>
      <c r="UGI25" s="61"/>
      <c r="UGJ25" s="62"/>
      <c r="UGK25" s="56"/>
      <c r="UGL25" s="61"/>
      <c r="UGM25" s="61"/>
      <c r="UGN25" s="61"/>
      <c r="UGO25" s="61"/>
      <c r="UGP25" s="62"/>
      <c r="UGQ25" s="56"/>
      <c r="UGR25" s="61"/>
      <c r="UGS25" s="61"/>
      <c r="UGT25" s="61"/>
      <c r="UGU25" s="61"/>
      <c r="UGV25" s="62"/>
      <c r="UGW25" s="56"/>
      <c r="UGX25" s="61"/>
      <c r="UGY25" s="61"/>
      <c r="UGZ25" s="61"/>
      <c r="UHA25" s="61"/>
      <c r="UHB25" s="62"/>
      <c r="UHC25" s="56"/>
      <c r="UHD25" s="61"/>
      <c r="UHE25" s="61"/>
      <c r="UHF25" s="61"/>
      <c r="UHG25" s="61"/>
      <c r="UHH25" s="62"/>
      <c r="UHI25" s="56"/>
      <c r="UHJ25" s="61"/>
      <c r="UHK25" s="61"/>
      <c r="UHL25" s="61"/>
      <c r="UHM25" s="61"/>
      <c r="UHN25" s="62"/>
      <c r="UHO25" s="56"/>
      <c r="UHP25" s="61"/>
      <c r="UHQ25" s="61"/>
      <c r="UHR25" s="61"/>
      <c r="UHS25" s="61"/>
      <c r="UHT25" s="62"/>
      <c r="UHU25" s="56"/>
      <c r="UHV25" s="61"/>
      <c r="UHW25" s="61"/>
      <c r="UHX25" s="61"/>
      <c r="UHY25" s="61"/>
      <c r="UHZ25" s="62"/>
      <c r="UIA25" s="56"/>
      <c r="UIB25" s="61"/>
      <c r="UIC25" s="61"/>
      <c r="UID25" s="61"/>
      <c r="UIE25" s="61"/>
      <c r="UIF25" s="62"/>
      <c r="UIG25" s="56"/>
      <c r="UIH25" s="61"/>
      <c r="UII25" s="61"/>
      <c r="UIJ25" s="61"/>
      <c r="UIK25" s="61"/>
      <c r="UIL25" s="62"/>
      <c r="UIM25" s="56"/>
      <c r="UIN25" s="61"/>
      <c r="UIO25" s="61"/>
      <c r="UIP25" s="61"/>
      <c r="UIQ25" s="61"/>
      <c r="UIR25" s="62"/>
      <c r="UIS25" s="56"/>
      <c r="UIT25" s="61"/>
      <c r="UIU25" s="61"/>
      <c r="UIV25" s="61"/>
      <c r="UIW25" s="61"/>
      <c r="UIX25" s="62"/>
      <c r="UIY25" s="56"/>
      <c r="UIZ25" s="61"/>
      <c r="UJA25" s="61"/>
      <c r="UJB25" s="61"/>
      <c r="UJC25" s="61"/>
      <c r="UJD25" s="62"/>
      <c r="UJE25" s="56"/>
      <c r="UJF25" s="61"/>
      <c r="UJG25" s="61"/>
      <c r="UJH25" s="61"/>
      <c r="UJI25" s="61"/>
      <c r="UJJ25" s="62"/>
      <c r="UJK25" s="56"/>
      <c r="UJL25" s="61"/>
      <c r="UJM25" s="61"/>
      <c r="UJN25" s="61"/>
      <c r="UJO25" s="61"/>
      <c r="UJP25" s="62"/>
      <c r="UJQ25" s="56"/>
      <c r="UJR25" s="61"/>
      <c r="UJS25" s="61"/>
      <c r="UJT25" s="61"/>
      <c r="UJU25" s="61"/>
      <c r="UJV25" s="62"/>
      <c r="UJW25" s="56"/>
      <c r="UJX25" s="61"/>
      <c r="UJY25" s="61"/>
      <c r="UJZ25" s="61"/>
      <c r="UKA25" s="61"/>
      <c r="UKB25" s="62"/>
      <c r="UKC25" s="56"/>
      <c r="UKD25" s="61"/>
      <c r="UKE25" s="61"/>
      <c r="UKF25" s="61"/>
      <c r="UKG25" s="61"/>
      <c r="UKH25" s="62"/>
      <c r="UKI25" s="56"/>
      <c r="UKJ25" s="61"/>
      <c r="UKK25" s="61"/>
      <c r="UKL25" s="61"/>
      <c r="UKM25" s="61"/>
      <c r="UKN25" s="62"/>
      <c r="UKO25" s="56"/>
      <c r="UKP25" s="61"/>
      <c r="UKQ25" s="61"/>
      <c r="UKR25" s="61"/>
      <c r="UKS25" s="61"/>
      <c r="UKT25" s="62"/>
      <c r="UKU25" s="56"/>
      <c r="UKV25" s="61"/>
      <c r="UKW25" s="61"/>
      <c r="UKX25" s="61"/>
      <c r="UKY25" s="61"/>
      <c r="UKZ25" s="62"/>
      <c r="ULA25" s="56"/>
      <c r="ULB25" s="61"/>
      <c r="ULC25" s="61"/>
      <c r="ULD25" s="61"/>
      <c r="ULE25" s="61"/>
      <c r="ULF25" s="62"/>
      <c r="ULG25" s="56"/>
      <c r="ULH25" s="61"/>
      <c r="ULI25" s="61"/>
      <c r="ULJ25" s="61"/>
      <c r="ULK25" s="61"/>
      <c r="ULL25" s="62"/>
      <c r="ULM25" s="56"/>
      <c r="ULN25" s="61"/>
      <c r="ULO25" s="61"/>
      <c r="ULP25" s="61"/>
      <c r="ULQ25" s="61"/>
      <c r="ULR25" s="62"/>
      <c r="ULS25" s="56"/>
      <c r="ULT25" s="61"/>
      <c r="ULU25" s="61"/>
      <c r="ULV25" s="61"/>
      <c r="ULW25" s="61"/>
      <c r="ULX25" s="62"/>
      <c r="ULY25" s="56"/>
      <c r="ULZ25" s="61"/>
      <c r="UMA25" s="61"/>
      <c r="UMB25" s="61"/>
      <c r="UMC25" s="61"/>
      <c r="UMD25" s="62"/>
      <c r="UME25" s="56"/>
      <c r="UMF25" s="61"/>
      <c r="UMG25" s="61"/>
      <c r="UMH25" s="61"/>
      <c r="UMI25" s="61"/>
      <c r="UMJ25" s="62"/>
      <c r="UMK25" s="56"/>
      <c r="UML25" s="61"/>
      <c r="UMM25" s="61"/>
      <c r="UMN25" s="61"/>
      <c r="UMO25" s="61"/>
      <c r="UMP25" s="62"/>
      <c r="UMQ25" s="56"/>
      <c r="UMR25" s="61"/>
      <c r="UMS25" s="61"/>
      <c r="UMT25" s="61"/>
      <c r="UMU25" s="61"/>
      <c r="UMV25" s="62"/>
      <c r="UMW25" s="56"/>
      <c r="UMX25" s="61"/>
      <c r="UMY25" s="61"/>
      <c r="UMZ25" s="61"/>
      <c r="UNA25" s="61"/>
      <c r="UNB25" s="62"/>
      <c r="UNC25" s="56"/>
      <c r="UND25" s="61"/>
      <c r="UNE25" s="61"/>
      <c r="UNF25" s="61"/>
      <c r="UNG25" s="61"/>
      <c r="UNH25" s="62"/>
      <c r="UNI25" s="56"/>
      <c r="UNJ25" s="61"/>
      <c r="UNK25" s="61"/>
      <c r="UNL25" s="61"/>
      <c r="UNM25" s="61"/>
      <c r="UNN25" s="62"/>
      <c r="UNO25" s="56"/>
      <c r="UNP25" s="61"/>
      <c r="UNQ25" s="61"/>
      <c r="UNR25" s="61"/>
      <c r="UNS25" s="61"/>
      <c r="UNT25" s="62"/>
      <c r="UNU25" s="56"/>
      <c r="UNV25" s="61"/>
      <c r="UNW25" s="61"/>
      <c r="UNX25" s="61"/>
      <c r="UNY25" s="61"/>
      <c r="UNZ25" s="62"/>
      <c r="UOA25" s="56"/>
      <c r="UOB25" s="61"/>
      <c r="UOC25" s="61"/>
      <c r="UOD25" s="61"/>
      <c r="UOE25" s="61"/>
      <c r="UOF25" s="62"/>
      <c r="UOG25" s="56"/>
      <c r="UOH25" s="61"/>
      <c r="UOI25" s="61"/>
      <c r="UOJ25" s="61"/>
      <c r="UOK25" s="61"/>
      <c r="UOL25" s="62"/>
      <c r="UOM25" s="56"/>
      <c r="UON25" s="61"/>
      <c r="UOO25" s="61"/>
      <c r="UOP25" s="61"/>
      <c r="UOQ25" s="61"/>
      <c r="UOR25" s="62"/>
      <c r="UOS25" s="56"/>
      <c r="UOT25" s="61"/>
      <c r="UOU25" s="61"/>
      <c r="UOV25" s="61"/>
      <c r="UOW25" s="61"/>
      <c r="UOX25" s="62"/>
      <c r="UOY25" s="56"/>
      <c r="UOZ25" s="61"/>
      <c r="UPA25" s="61"/>
      <c r="UPB25" s="61"/>
      <c r="UPC25" s="61"/>
      <c r="UPD25" s="62"/>
      <c r="UPE25" s="56"/>
      <c r="UPF25" s="61"/>
      <c r="UPG25" s="61"/>
      <c r="UPH25" s="61"/>
      <c r="UPI25" s="61"/>
      <c r="UPJ25" s="62"/>
      <c r="UPK25" s="56"/>
      <c r="UPL25" s="61"/>
      <c r="UPM25" s="61"/>
      <c r="UPN25" s="61"/>
      <c r="UPO25" s="61"/>
      <c r="UPP25" s="62"/>
      <c r="UPQ25" s="56"/>
      <c r="UPR25" s="61"/>
      <c r="UPS25" s="61"/>
      <c r="UPT25" s="61"/>
      <c r="UPU25" s="61"/>
      <c r="UPV25" s="62"/>
      <c r="UPW25" s="56"/>
      <c r="UPX25" s="61"/>
      <c r="UPY25" s="61"/>
      <c r="UPZ25" s="61"/>
      <c r="UQA25" s="61"/>
      <c r="UQB25" s="62"/>
      <c r="UQC25" s="56"/>
      <c r="UQD25" s="61"/>
      <c r="UQE25" s="61"/>
      <c r="UQF25" s="61"/>
      <c r="UQG25" s="61"/>
      <c r="UQH25" s="62"/>
      <c r="UQI25" s="56"/>
      <c r="UQJ25" s="61"/>
      <c r="UQK25" s="61"/>
      <c r="UQL25" s="61"/>
      <c r="UQM25" s="61"/>
      <c r="UQN25" s="62"/>
      <c r="UQO25" s="56"/>
      <c r="UQP25" s="61"/>
      <c r="UQQ25" s="61"/>
      <c r="UQR25" s="61"/>
      <c r="UQS25" s="61"/>
      <c r="UQT25" s="62"/>
      <c r="UQU25" s="56"/>
      <c r="UQV25" s="61"/>
      <c r="UQW25" s="61"/>
      <c r="UQX25" s="61"/>
      <c r="UQY25" s="61"/>
      <c r="UQZ25" s="62"/>
      <c r="URA25" s="56"/>
      <c r="URB25" s="61"/>
      <c r="URC25" s="61"/>
      <c r="URD25" s="61"/>
      <c r="URE25" s="61"/>
      <c r="URF25" s="62"/>
      <c r="URG25" s="56"/>
      <c r="URH25" s="61"/>
      <c r="URI25" s="61"/>
      <c r="URJ25" s="61"/>
      <c r="URK25" s="61"/>
      <c r="URL25" s="62"/>
      <c r="URM25" s="56"/>
      <c r="URN25" s="61"/>
      <c r="URO25" s="61"/>
      <c r="URP25" s="61"/>
      <c r="URQ25" s="61"/>
      <c r="URR25" s="62"/>
      <c r="URS25" s="56"/>
      <c r="URT25" s="61"/>
      <c r="URU25" s="61"/>
      <c r="URV25" s="61"/>
      <c r="URW25" s="61"/>
      <c r="URX25" s="62"/>
      <c r="URY25" s="56"/>
      <c r="URZ25" s="61"/>
      <c r="USA25" s="61"/>
      <c r="USB25" s="61"/>
      <c r="USC25" s="61"/>
      <c r="USD25" s="62"/>
      <c r="USE25" s="56"/>
      <c r="USF25" s="61"/>
      <c r="USG25" s="61"/>
      <c r="USH25" s="61"/>
      <c r="USI25" s="61"/>
      <c r="USJ25" s="62"/>
      <c r="USK25" s="56"/>
      <c r="USL25" s="61"/>
      <c r="USM25" s="61"/>
      <c r="USN25" s="61"/>
      <c r="USO25" s="61"/>
      <c r="USP25" s="62"/>
      <c r="USQ25" s="56"/>
      <c r="USR25" s="61"/>
      <c r="USS25" s="61"/>
      <c r="UST25" s="61"/>
      <c r="USU25" s="61"/>
      <c r="USV25" s="62"/>
      <c r="USW25" s="56"/>
      <c r="USX25" s="61"/>
      <c r="USY25" s="61"/>
      <c r="USZ25" s="61"/>
      <c r="UTA25" s="61"/>
      <c r="UTB25" s="62"/>
      <c r="UTC25" s="56"/>
      <c r="UTD25" s="61"/>
      <c r="UTE25" s="61"/>
      <c r="UTF25" s="61"/>
      <c r="UTG25" s="61"/>
      <c r="UTH25" s="62"/>
      <c r="UTI25" s="56"/>
      <c r="UTJ25" s="61"/>
      <c r="UTK25" s="61"/>
      <c r="UTL25" s="61"/>
      <c r="UTM25" s="61"/>
      <c r="UTN25" s="62"/>
      <c r="UTO25" s="56"/>
      <c r="UTP25" s="61"/>
      <c r="UTQ25" s="61"/>
      <c r="UTR25" s="61"/>
      <c r="UTS25" s="61"/>
      <c r="UTT25" s="62"/>
      <c r="UTU25" s="56"/>
      <c r="UTV25" s="61"/>
      <c r="UTW25" s="61"/>
      <c r="UTX25" s="61"/>
      <c r="UTY25" s="61"/>
      <c r="UTZ25" s="62"/>
      <c r="UUA25" s="56"/>
      <c r="UUB25" s="61"/>
      <c r="UUC25" s="61"/>
      <c r="UUD25" s="61"/>
      <c r="UUE25" s="61"/>
      <c r="UUF25" s="62"/>
      <c r="UUG25" s="56"/>
      <c r="UUH25" s="61"/>
      <c r="UUI25" s="61"/>
      <c r="UUJ25" s="61"/>
      <c r="UUK25" s="61"/>
      <c r="UUL25" s="62"/>
      <c r="UUM25" s="56"/>
      <c r="UUN25" s="61"/>
      <c r="UUO25" s="61"/>
      <c r="UUP25" s="61"/>
      <c r="UUQ25" s="61"/>
      <c r="UUR25" s="62"/>
      <c r="UUS25" s="56"/>
      <c r="UUT25" s="61"/>
      <c r="UUU25" s="61"/>
      <c r="UUV25" s="61"/>
      <c r="UUW25" s="61"/>
      <c r="UUX25" s="62"/>
      <c r="UUY25" s="56"/>
      <c r="UUZ25" s="61"/>
      <c r="UVA25" s="61"/>
      <c r="UVB25" s="61"/>
      <c r="UVC25" s="61"/>
      <c r="UVD25" s="62"/>
      <c r="UVE25" s="56"/>
      <c r="UVF25" s="61"/>
      <c r="UVG25" s="61"/>
      <c r="UVH25" s="61"/>
      <c r="UVI25" s="61"/>
      <c r="UVJ25" s="62"/>
      <c r="UVK25" s="56"/>
      <c r="UVL25" s="61"/>
      <c r="UVM25" s="61"/>
      <c r="UVN25" s="61"/>
      <c r="UVO25" s="61"/>
      <c r="UVP25" s="62"/>
      <c r="UVQ25" s="56"/>
      <c r="UVR25" s="61"/>
      <c r="UVS25" s="61"/>
      <c r="UVT25" s="61"/>
      <c r="UVU25" s="61"/>
      <c r="UVV25" s="62"/>
      <c r="UVW25" s="56"/>
      <c r="UVX25" s="61"/>
      <c r="UVY25" s="61"/>
      <c r="UVZ25" s="61"/>
      <c r="UWA25" s="61"/>
      <c r="UWB25" s="62"/>
      <c r="UWC25" s="56"/>
      <c r="UWD25" s="61"/>
      <c r="UWE25" s="61"/>
      <c r="UWF25" s="61"/>
      <c r="UWG25" s="61"/>
      <c r="UWH25" s="62"/>
      <c r="UWI25" s="56"/>
      <c r="UWJ25" s="61"/>
      <c r="UWK25" s="61"/>
      <c r="UWL25" s="61"/>
      <c r="UWM25" s="61"/>
      <c r="UWN25" s="62"/>
      <c r="UWO25" s="56"/>
      <c r="UWP25" s="61"/>
      <c r="UWQ25" s="61"/>
      <c r="UWR25" s="61"/>
      <c r="UWS25" s="61"/>
      <c r="UWT25" s="62"/>
      <c r="UWU25" s="56"/>
      <c r="UWV25" s="61"/>
      <c r="UWW25" s="61"/>
      <c r="UWX25" s="61"/>
      <c r="UWY25" s="61"/>
      <c r="UWZ25" s="62"/>
      <c r="UXA25" s="56"/>
      <c r="UXB25" s="61"/>
      <c r="UXC25" s="61"/>
      <c r="UXD25" s="61"/>
      <c r="UXE25" s="61"/>
      <c r="UXF25" s="62"/>
      <c r="UXG25" s="56"/>
      <c r="UXH25" s="61"/>
      <c r="UXI25" s="61"/>
      <c r="UXJ25" s="61"/>
      <c r="UXK25" s="61"/>
      <c r="UXL25" s="62"/>
      <c r="UXM25" s="56"/>
      <c r="UXN25" s="61"/>
      <c r="UXO25" s="61"/>
      <c r="UXP25" s="61"/>
      <c r="UXQ25" s="61"/>
      <c r="UXR25" s="62"/>
      <c r="UXS25" s="56"/>
      <c r="UXT25" s="61"/>
      <c r="UXU25" s="61"/>
      <c r="UXV25" s="61"/>
      <c r="UXW25" s="61"/>
      <c r="UXX25" s="62"/>
      <c r="UXY25" s="56"/>
      <c r="UXZ25" s="61"/>
      <c r="UYA25" s="61"/>
      <c r="UYB25" s="61"/>
      <c r="UYC25" s="61"/>
      <c r="UYD25" s="62"/>
      <c r="UYE25" s="56"/>
      <c r="UYF25" s="61"/>
      <c r="UYG25" s="61"/>
      <c r="UYH25" s="61"/>
      <c r="UYI25" s="61"/>
      <c r="UYJ25" s="62"/>
      <c r="UYK25" s="56"/>
      <c r="UYL25" s="61"/>
      <c r="UYM25" s="61"/>
      <c r="UYN25" s="61"/>
      <c r="UYO25" s="61"/>
      <c r="UYP25" s="62"/>
      <c r="UYQ25" s="56"/>
      <c r="UYR25" s="61"/>
      <c r="UYS25" s="61"/>
      <c r="UYT25" s="61"/>
      <c r="UYU25" s="61"/>
      <c r="UYV25" s="62"/>
      <c r="UYW25" s="56"/>
      <c r="UYX25" s="61"/>
      <c r="UYY25" s="61"/>
      <c r="UYZ25" s="61"/>
      <c r="UZA25" s="61"/>
      <c r="UZB25" s="62"/>
      <c r="UZC25" s="56"/>
      <c r="UZD25" s="61"/>
      <c r="UZE25" s="61"/>
      <c r="UZF25" s="61"/>
      <c r="UZG25" s="61"/>
      <c r="UZH25" s="62"/>
      <c r="UZI25" s="56"/>
      <c r="UZJ25" s="61"/>
      <c r="UZK25" s="61"/>
      <c r="UZL25" s="61"/>
      <c r="UZM25" s="61"/>
      <c r="UZN25" s="62"/>
      <c r="UZO25" s="56"/>
      <c r="UZP25" s="61"/>
      <c r="UZQ25" s="61"/>
      <c r="UZR25" s="61"/>
      <c r="UZS25" s="61"/>
      <c r="UZT25" s="62"/>
      <c r="UZU25" s="56"/>
      <c r="UZV25" s="61"/>
      <c r="UZW25" s="61"/>
      <c r="UZX25" s="61"/>
      <c r="UZY25" s="61"/>
      <c r="UZZ25" s="62"/>
      <c r="VAA25" s="56"/>
      <c r="VAB25" s="61"/>
      <c r="VAC25" s="61"/>
      <c r="VAD25" s="61"/>
      <c r="VAE25" s="61"/>
      <c r="VAF25" s="62"/>
      <c r="VAG25" s="56"/>
      <c r="VAH25" s="61"/>
      <c r="VAI25" s="61"/>
      <c r="VAJ25" s="61"/>
      <c r="VAK25" s="61"/>
      <c r="VAL25" s="62"/>
      <c r="VAM25" s="56"/>
      <c r="VAN25" s="61"/>
      <c r="VAO25" s="61"/>
      <c r="VAP25" s="61"/>
      <c r="VAQ25" s="61"/>
      <c r="VAR25" s="62"/>
      <c r="VAS25" s="56"/>
      <c r="VAT25" s="61"/>
      <c r="VAU25" s="61"/>
      <c r="VAV25" s="61"/>
      <c r="VAW25" s="61"/>
      <c r="VAX25" s="62"/>
      <c r="VAY25" s="56"/>
      <c r="VAZ25" s="61"/>
      <c r="VBA25" s="61"/>
      <c r="VBB25" s="61"/>
      <c r="VBC25" s="61"/>
      <c r="VBD25" s="62"/>
      <c r="VBE25" s="56"/>
      <c r="VBF25" s="61"/>
      <c r="VBG25" s="61"/>
      <c r="VBH25" s="61"/>
      <c r="VBI25" s="61"/>
      <c r="VBJ25" s="62"/>
      <c r="VBK25" s="56"/>
      <c r="VBL25" s="61"/>
      <c r="VBM25" s="61"/>
      <c r="VBN25" s="61"/>
      <c r="VBO25" s="61"/>
      <c r="VBP25" s="62"/>
      <c r="VBQ25" s="56"/>
      <c r="VBR25" s="61"/>
      <c r="VBS25" s="61"/>
      <c r="VBT25" s="61"/>
      <c r="VBU25" s="61"/>
      <c r="VBV25" s="62"/>
      <c r="VBW25" s="56"/>
      <c r="VBX25" s="61"/>
      <c r="VBY25" s="61"/>
      <c r="VBZ25" s="61"/>
      <c r="VCA25" s="61"/>
      <c r="VCB25" s="62"/>
      <c r="VCC25" s="56"/>
      <c r="VCD25" s="61"/>
      <c r="VCE25" s="61"/>
      <c r="VCF25" s="61"/>
      <c r="VCG25" s="61"/>
      <c r="VCH25" s="62"/>
      <c r="VCI25" s="56"/>
      <c r="VCJ25" s="61"/>
      <c r="VCK25" s="61"/>
      <c r="VCL25" s="61"/>
      <c r="VCM25" s="61"/>
      <c r="VCN25" s="62"/>
      <c r="VCO25" s="56"/>
      <c r="VCP25" s="61"/>
      <c r="VCQ25" s="61"/>
      <c r="VCR25" s="61"/>
      <c r="VCS25" s="61"/>
      <c r="VCT25" s="62"/>
      <c r="VCU25" s="56"/>
      <c r="VCV25" s="61"/>
      <c r="VCW25" s="61"/>
      <c r="VCX25" s="61"/>
      <c r="VCY25" s="61"/>
      <c r="VCZ25" s="62"/>
      <c r="VDA25" s="56"/>
      <c r="VDB25" s="61"/>
      <c r="VDC25" s="61"/>
      <c r="VDD25" s="61"/>
      <c r="VDE25" s="61"/>
      <c r="VDF25" s="62"/>
      <c r="VDG25" s="56"/>
      <c r="VDH25" s="61"/>
      <c r="VDI25" s="61"/>
      <c r="VDJ25" s="61"/>
      <c r="VDK25" s="61"/>
      <c r="VDL25" s="62"/>
      <c r="VDM25" s="56"/>
      <c r="VDN25" s="61"/>
      <c r="VDO25" s="61"/>
      <c r="VDP25" s="61"/>
      <c r="VDQ25" s="61"/>
      <c r="VDR25" s="62"/>
      <c r="VDS25" s="56"/>
      <c r="VDT25" s="61"/>
      <c r="VDU25" s="61"/>
      <c r="VDV25" s="61"/>
      <c r="VDW25" s="61"/>
      <c r="VDX25" s="62"/>
      <c r="VDY25" s="56"/>
      <c r="VDZ25" s="61"/>
      <c r="VEA25" s="61"/>
      <c r="VEB25" s="61"/>
      <c r="VEC25" s="61"/>
      <c r="VED25" s="62"/>
      <c r="VEE25" s="56"/>
      <c r="VEF25" s="61"/>
      <c r="VEG25" s="61"/>
      <c r="VEH25" s="61"/>
      <c r="VEI25" s="61"/>
      <c r="VEJ25" s="62"/>
      <c r="VEK25" s="56"/>
      <c r="VEL25" s="61"/>
      <c r="VEM25" s="61"/>
      <c r="VEN25" s="61"/>
      <c r="VEO25" s="61"/>
      <c r="VEP25" s="62"/>
      <c r="VEQ25" s="56"/>
      <c r="VER25" s="61"/>
      <c r="VES25" s="61"/>
      <c r="VET25" s="61"/>
      <c r="VEU25" s="61"/>
      <c r="VEV25" s="62"/>
      <c r="VEW25" s="56"/>
      <c r="VEX25" s="61"/>
      <c r="VEY25" s="61"/>
      <c r="VEZ25" s="61"/>
      <c r="VFA25" s="61"/>
      <c r="VFB25" s="62"/>
      <c r="VFC25" s="56"/>
      <c r="VFD25" s="61"/>
      <c r="VFE25" s="61"/>
      <c r="VFF25" s="61"/>
      <c r="VFG25" s="61"/>
      <c r="VFH25" s="62"/>
      <c r="VFI25" s="56"/>
      <c r="VFJ25" s="61"/>
      <c r="VFK25" s="61"/>
      <c r="VFL25" s="61"/>
      <c r="VFM25" s="61"/>
      <c r="VFN25" s="62"/>
      <c r="VFO25" s="56"/>
      <c r="VFP25" s="61"/>
      <c r="VFQ25" s="61"/>
      <c r="VFR25" s="61"/>
      <c r="VFS25" s="61"/>
      <c r="VFT25" s="62"/>
      <c r="VFU25" s="56"/>
      <c r="VFV25" s="61"/>
      <c r="VFW25" s="61"/>
      <c r="VFX25" s="61"/>
      <c r="VFY25" s="61"/>
      <c r="VFZ25" s="62"/>
      <c r="VGA25" s="56"/>
      <c r="VGB25" s="61"/>
      <c r="VGC25" s="61"/>
      <c r="VGD25" s="61"/>
      <c r="VGE25" s="61"/>
      <c r="VGF25" s="62"/>
      <c r="VGG25" s="56"/>
      <c r="VGH25" s="61"/>
      <c r="VGI25" s="61"/>
      <c r="VGJ25" s="61"/>
      <c r="VGK25" s="61"/>
      <c r="VGL25" s="62"/>
      <c r="VGM25" s="56"/>
      <c r="VGN25" s="61"/>
      <c r="VGO25" s="61"/>
      <c r="VGP25" s="61"/>
      <c r="VGQ25" s="61"/>
      <c r="VGR25" s="62"/>
      <c r="VGS25" s="56"/>
      <c r="VGT25" s="61"/>
      <c r="VGU25" s="61"/>
      <c r="VGV25" s="61"/>
      <c r="VGW25" s="61"/>
      <c r="VGX25" s="62"/>
      <c r="VGY25" s="56"/>
      <c r="VGZ25" s="61"/>
      <c r="VHA25" s="61"/>
      <c r="VHB25" s="61"/>
      <c r="VHC25" s="61"/>
      <c r="VHD25" s="62"/>
      <c r="VHE25" s="56"/>
      <c r="VHF25" s="61"/>
      <c r="VHG25" s="61"/>
      <c r="VHH25" s="61"/>
      <c r="VHI25" s="61"/>
      <c r="VHJ25" s="62"/>
      <c r="VHK25" s="56"/>
      <c r="VHL25" s="61"/>
      <c r="VHM25" s="61"/>
      <c r="VHN25" s="61"/>
      <c r="VHO25" s="61"/>
      <c r="VHP25" s="62"/>
      <c r="VHQ25" s="56"/>
      <c r="VHR25" s="61"/>
      <c r="VHS25" s="61"/>
      <c r="VHT25" s="61"/>
      <c r="VHU25" s="61"/>
      <c r="VHV25" s="62"/>
      <c r="VHW25" s="56"/>
      <c r="VHX25" s="61"/>
      <c r="VHY25" s="61"/>
      <c r="VHZ25" s="61"/>
      <c r="VIA25" s="61"/>
      <c r="VIB25" s="62"/>
      <c r="VIC25" s="56"/>
      <c r="VID25" s="61"/>
      <c r="VIE25" s="61"/>
      <c r="VIF25" s="61"/>
      <c r="VIG25" s="61"/>
      <c r="VIH25" s="62"/>
      <c r="VII25" s="56"/>
      <c r="VIJ25" s="61"/>
      <c r="VIK25" s="61"/>
      <c r="VIL25" s="61"/>
      <c r="VIM25" s="61"/>
      <c r="VIN25" s="62"/>
      <c r="VIO25" s="56"/>
      <c r="VIP25" s="61"/>
      <c r="VIQ25" s="61"/>
      <c r="VIR25" s="61"/>
      <c r="VIS25" s="61"/>
      <c r="VIT25" s="62"/>
      <c r="VIU25" s="56"/>
      <c r="VIV25" s="61"/>
      <c r="VIW25" s="61"/>
      <c r="VIX25" s="61"/>
      <c r="VIY25" s="61"/>
      <c r="VIZ25" s="62"/>
      <c r="VJA25" s="56"/>
      <c r="VJB25" s="61"/>
      <c r="VJC25" s="61"/>
      <c r="VJD25" s="61"/>
      <c r="VJE25" s="61"/>
      <c r="VJF25" s="62"/>
      <c r="VJG25" s="56"/>
      <c r="VJH25" s="61"/>
      <c r="VJI25" s="61"/>
      <c r="VJJ25" s="61"/>
      <c r="VJK25" s="61"/>
      <c r="VJL25" s="62"/>
      <c r="VJM25" s="56"/>
      <c r="VJN25" s="61"/>
      <c r="VJO25" s="61"/>
      <c r="VJP25" s="61"/>
      <c r="VJQ25" s="61"/>
      <c r="VJR25" s="62"/>
      <c r="VJS25" s="56"/>
      <c r="VJT25" s="61"/>
      <c r="VJU25" s="61"/>
      <c r="VJV25" s="61"/>
      <c r="VJW25" s="61"/>
      <c r="VJX25" s="62"/>
      <c r="VJY25" s="56"/>
      <c r="VJZ25" s="61"/>
      <c r="VKA25" s="61"/>
      <c r="VKB25" s="61"/>
      <c r="VKC25" s="61"/>
      <c r="VKD25" s="62"/>
      <c r="VKE25" s="56"/>
      <c r="VKF25" s="61"/>
      <c r="VKG25" s="61"/>
      <c r="VKH25" s="61"/>
      <c r="VKI25" s="61"/>
      <c r="VKJ25" s="62"/>
      <c r="VKK25" s="56"/>
      <c r="VKL25" s="61"/>
      <c r="VKM25" s="61"/>
      <c r="VKN25" s="61"/>
      <c r="VKO25" s="61"/>
      <c r="VKP25" s="62"/>
      <c r="VKQ25" s="56"/>
      <c r="VKR25" s="61"/>
      <c r="VKS25" s="61"/>
      <c r="VKT25" s="61"/>
      <c r="VKU25" s="61"/>
      <c r="VKV25" s="62"/>
      <c r="VKW25" s="56"/>
      <c r="VKX25" s="61"/>
      <c r="VKY25" s="61"/>
      <c r="VKZ25" s="61"/>
      <c r="VLA25" s="61"/>
      <c r="VLB25" s="62"/>
      <c r="VLC25" s="56"/>
      <c r="VLD25" s="61"/>
      <c r="VLE25" s="61"/>
      <c r="VLF25" s="61"/>
      <c r="VLG25" s="61"/>
      <c r="VLH25" s="62"/>
      <c r="VLI25" s="56"/>
      <c r="VLJ25" s="61"/>
      <c r="VLK25" s="61"/>
      <c r="VLL25" s="61"/>
      <c r="VLM25" s="61"/>
      <c r="VLN25" s="62"/>
      <c r="VLO25" s="56"/>
      <c r="VLP25" s="61"/>
      <c r="VLQ25" s="61"/>
      <c r="VLR25" s="61"/>
      <c r="VLS25" s="61"/>
      <c r="VLT25" s="62"/>
      <c r="VLU25" s="56"/>
      <c r="VLV25" s="61"/>
      <c r="VLW25" s="61"/>
      <c r="VLX25" s="61"/>
      <c r="VLY25" s="61"/>
      <c r="VLZ25" s="62"/>
      <c r="VMA25" s="56"/>
      <c r="VMB25" s="61"/>
      <c r="VMC25" s="61"/>
      <c r="VMD25" s="61"/>
      <c r="VME25" s="61"/>
      <c r="VMF25" s="62"/>
      <c r="VMG25" s="56"/>
      <c r="VMH25" s="61"/>
      <c r="VMI25" s="61"/>
      <c r="VMJ25" s="61"/>
      <c r="VMK25" s="61"/>
      <c r="VML25" s="62"/>
      <c r="VMM25" s="56"/>
      <c r="VMN25" s="61"/>
      <c r="VMO25" s="61"/>
      <c r="VMP25" s="61"/>
      <c r="VMQ25" s="61"/>
      <c r="VMR25" s="62"/>
      <c r="VMS25" s="56"/>
      <c r="VMT25" s="61"/>
      <c r="VMU25" s="61"/>
      <c r="VMV25" s="61"/>
      <c r="VMW25" s="61"/>
      <c r="VMX25" s="62"/>
      <c r="VMY25" s="56"/>
      <c r="VMZ25" s="61"/>
      <c r="VNA25" s="61"/>
      <c r="VNB25" s="61"/>
      <c r="VNC25" s="61"/>
      <c r="VND25" s="62"/>
      <c r="VNE25" s="56"/>
      <c r="VNF25" s="61"/>
      <c r="VNG25" s="61"/>
      <c r="VNH25" s="61"/>
      <c r="VNI25" s="61"/>
      <c r="VNJ25" s="62"/>
      <c r="VNK25" s="56"/>
      <c r="VNL25" s="61"/>
      <c r="VNM25" s="61"/>
      <c r="VNN25" s="61"/>
      <c r="VNO25" s="61"/>
      <c r="VNP25" s="62"/>
      <c r="VNQ25" s="56"/>
      <c r="VNR25" s="61"/>
      <c r="VNS25" s="61"/>
      <c r="VNT25" s="61"/>
      <c r="VNU25" s="61"/>
      <c r="VNV25" s="62"/>
      <c r="VNW25" s="56"/>
      <c r="VNX25" s="61"/>
      <c r="VNY25" s="61"/>
      <c r="VNZ25" s="61"/>
      <c r="VOA25" s="61"/>
      <c r="VOB25" s="62"/>
      <c r="VOC25" s="56"/>
      <c r="VOD25" s="61"/>
      <c r="VOE25" s="61"/>
      <c r="VOF25" s="61"/>
      <c r="VOG25" s="61"/>
      <c r="VOH25" s="62"/>
      <c r="VOI25" s="56"/>
      <c r="VOJ25" s="61"/>
      <c r="VOK25" s="61"/>
      <c r="VOL25" s="61"/>
      <c r="VOM25" s="61"/>
      <c r="VON25" s="62"/>
      <c r="VOO25" s="56"/>
      <c r="VOP25" s="61"/>
      <c r="VOQ25" s="61"/>
      <c r="VOR25" s="61"/>
      <c r="VOS25" s="61"/>
      <c r="VOT25" s="62"/>
      <c r="VOU25" s="56"/>
      <c r="VOV25" s="61"/>
      <c r="VOW25" s="61"/>
      <c r="VOX25" s="61"/>
      <c r="VOY25" s="61"/>
      <c r="VOZ25" s="62"/>
      <c r="VPA25" s="56"/>
      <c r="VPB25" s="61"/>
      <c r="VPC25" s="61"/>
      <c r="VPD25" s="61"/>
      <c r="VPE25" s="61"/>
      <c r="VPF25" s="62"/>
      <c r="VPG25" s="56"/>
      <c r="VPH25" s="61"/>
      <c r="VPI25" s="61"/>
      <c r="VPJ25" s="61"/>
      <c r="VPK25" s="61"/>
      <c r="VPL25" s="62"/>
      <c r="VPM25" s="56"/>
      <c r="VPN25" s="61"/>
      <c r="VPO25" s="61"/>
      <c r="VPP25" s="61"/>
      <c r="VPQ25" s="61"/>
      <c r="VPR25" s="62"/>
      <c r="VPS25" s="56"/>
      <c r="VPT25" s="61"/>
      <c r="VPU25" s="61"/>
      <c r="VPV25" s="61"/>
      <c r="VPW25" s="61"/>
      <c r="VPX25" s="62"/>
      <c r="VPY25" s="56"/>
      <c r="VPZ25" s="61"/>
      <c r="VQA25" s="61"/>
      <c r="VQB25" s="61"/>
      <c r="VQC25" s="61"/>
      <c r="VQD25" s="62"/>
      <c r="VQE25" s="56"/>
      <c r="VQF25" s="61"/>
      <c r="VQG25" s="61"/>
      <c r="VQH25" s="61"/>
      <c r="VQI25" s="61"/>
      <c r="VQJ25" s="62"/>
      <c r="VQK25" s="56"/>
      <c r="VQL25" s="61"/>
      <c r="VQM25" s="61"/>
      <c r="VQN25" s="61"/>
      <c r="VQO25" s="61"/>
      <c r="VQP25" s="62"/>
      <c r="VQQ25" s="56"/>
      <c r="VQR25" s="61"/>
      <c r="VQS25" s="61"/>
      <c r="VQT25" s="61"/>
      <c r="VQU25" s="61"/>
      <c r="VQV25" s="62"/>
      <c r="VQW25" s="56"/>
      <c r="VQX25" s="61"/>
      <c r="VQY25" s="61"/>
      <c r="VQZ25" s="61"/>
      <c r="VRA25" s="61"/>
      <c r="VRB25" s="62"/>
      <c r="VRC25" s="56"/>
      <c r="VRD25" s="61"/>
      <c r="VRE25" s="61"/>
      <c r="VRF25" s="61"/>
      <c r="VRG25" s="61"/>
      <c r="VRH25" s="62"/>
      <c r="VRI25" s="56"/>
      <c r="VRJ25" s="61"/>
      <c r="VRK25" s="61"/>
      <c r="VRL25" s="61"/>
      <c r="VRM25" s="61"/>
      <c r="VRN25" s="62"/>
      <c r="VRO25" s="56"/>
      <c r="VRP25" s="61"/>
      <c r="VRQ25" s="61"/>
      <c r="VRR25" s="61"/>
      <c r="VRS25" s="61"/>
      <c r="VRT25" s="62"/>
      <c r="VRU25" s="56"/>
      <c r="VRV25" s="61"/>
      <c r="VRW25" s="61"/>
      <c r="VRX25" s="61"/>
      <c r="VRY25" s="61"/>
      <c r="VRZ25" s="62"/>
      <c r="VSA25" s="56"/>
      <c r="VSB25" s="61"/>
      <c r="VSC25" s="61"/>
      <c r="VSD25" s="61"/>
      <c r="VSE25" s="61"/>
      <c r="VSF25" s="62"/>
      <c r="VSG25" s="56"/>
      <c r="VSH25" s="61"/>
      <c r="VSI25" s="61"/>
      <c r="VSJ25" s="61"/>
      <c r="VSK25" s="61"/>
      <c r="VSL25" s="62"/>
      <c r="VSM25" s="56"/>
      <c r="VSN25" s="61"/>
      <c r="VSO25" s="61"/>
      <c r="VSP25" s="61"/>
      <c r="VSQ25" s="61"/>
      <c r="VSR25" s="62"/>
      <c r="VSS25" s="56"/>
      <c r="VST25" s="61"/>
      <c r="VSU25" s="61"/>
      <c r="VSV25" s="61"/>
      <c r="VSW25" s="61"/>
      <c r="VSX25" s="62"/>
      <c r="VSY25" s="56"/>
      <c r="VSZ25" s="61"/>
      <c r="VTA25" s="61"/>
      <c r="VTB25" s="61"/>
      <c r="VTC25" s="61"/>
      <c r="VTD25" s="62"/>
      <c r="VTE25" s="56"/>
      <c r="VTF25" s="61"/>
      <c r="VTG25" s="61"/>
      <c r="VTH25" s="61"/>
      <c r="VTI25" s="61"/>
      <c r="VTJ25" s="62"/>
      <c r="VTK25" s="56"/>
      <c r="VTL25" s="61"/>
      <c r="VTM25" s="61"/>
      <c r="VTN25" s="61"/>
      <c r="VTO25" s="61"/>
      <c r="VTP25" s="62"/>
      <c r="VTQ25" s="56"/>
      <c r="VTR25" s="61"/>
      <c r="VTS25" s="61"/>
      <c r="VTT25" s="61"/>
      <c r="VTU25" s="61"/>
      <c r="VTV25" s="62"/>
      <c r="VTW25" s="56"/>
      <c r="VTX25" s="61"/>
      <c r="VTY25" s="61"/>
      <c r="VTZ25" s="61"/>
      <c r="VUA25" s="61"/>
      <c r="VUB25" s="62"/>
      <c r="VUC25" s="56"/>
      <c r="VUD25" s="61"/>
      <c r="VUE25" s="61"/>
      <c r="VUF25" s="61"/>
      <c r="VUG25" s="61"/>
      <c r="VUH25" s="62"/>
      <c r="VUI25" s="56"/>
      <c r="VUJ25" s="61"/>
      <c r="VUK25" s="61"/>
      <c r="VUL25" s="61"/>
      <c r="VUM25" s="61"/>
      <c r="VUN25" s="62"/>
      <c r="VUO25" s="56"/>
      <c r="VUP25" s="61"/>
      <c r="VUQ25" s="61"/>
      <c r="VUR25" s="61"/>
      <c r="VUS25" s="61"/>
      <c r="VUT25" s="62"/>
      <c r="VUU25" s="56"/>
      <c r="VUV25" s="61"/>
      <c r="VUW25" s="61"/>
      <c r="VUX25" s="61"/>
      <c r="VUY25" s="61"/>
      <c r="VUZ25" s="62"/>
      <c r="VVA25" s="56"/>
      <c r="VVB25" s="61"/>
      <c r="VVC25" s="61"/>
      <c r="VVD25" s="61"/>
      <c r="VVE25" s="61"/>
      <c r="VVF25" s="62"/>
      <c r="VVG25" s="56"/>
      <c r="VVH25" s="61"/>
      <c r="VVI25" s="61"/>
      <c r="VVJ25" s="61"/>
      <c r="VVK25" s="61"/>
      <c r="VVL25" s="62"/>
      <c r="VVM25" s="56"/>
      <c r="VVN25" s="61"/>
      <c r="VVO25" s="61"/>
      <c r="VVP25" s="61"/>
      <c r="VVQ25" s="61"/>
      <c r="VVR25" s="62"/>
      <c r="VVS25" s="56"/>
      <c r="VVT25" s="61"/>
      <c r="VVU25" s="61"/>
      <c r="VVV25" s="61"/>
      <c r="VVW25" s="61"/>
      <c r="VVX25" s="62"/>
      <c r="VVY25" s="56"/>
      <c r="VVZ25" s="61"/>
      <c r="VWA25" s="61"/>
      <c r="VWB25" s="61"/>
      <c r="VWC25" s="61"/>
      <c r="VWD25" s="62"/>
      <c r="VWE25" s="56"/>
      <c r="VWF25" s="61"/>
      <c r="VWG25" s="61"/>
      <c r="VWH25" s="61"/>
      <c r="VWI25" s="61"/>
      <c r="VWJ25" s="62"/>
      <c r="VWK25" s="56"/>
      <c r="VWL25" s="61"/>
      <c r="VWM25" s="61"/>
      <c r="VWN25" s="61"/>
      <c r="VWO25" s="61"/>
      <c r="VWP25" s="62"/>
      <c r="VWQ25" s="56"/>
      <c r="VWR25" s="61"/>
      <c r="VWS25" s="61"/>
      <c r="VWT25" s="61"/>
      <c r="VWU25" s="61"/>
      <c r="VWV25" s="62"/>
      <c r="VWW25" s="56"/>
      <c r="VWX25" s="61"/>
      <c r="VWY25" s="61"/>
      <c r="VWZ25" s="61"/>
      <c r="VXA25" s="61"/>
      <c r="VXB25" s="62"/>
      <c r="VXC25" s="56"/>
      <c r="VXD25" s="61"/>
      <c r="VXE25" s="61"/>
      <c r="VXF25" s="61"/>
      <c r="VXG25" s="61"/>
      <c r="VXH25" s="62"/>
      <c r="VXI25" s="56"/>
      <c r="VXJ25" s="61"/>
      <c r="VXK25" s="61"/>
      <c r="VXL25" s="61"/>
      <c r="VXM25" s="61"/>
      <c r="VXN25" s="62"/>
      <c r="VXO25" s="56"/>
      <c r="VXP25" s="61"/>
      <c r="VXQ25" s="61"/>
      <c r="VXR25" s="61"/>
      <c r="VXS25" s="61"/>
      <c r="VXT25" s="62"/>
      <c r="VXU25" s="56"/>
      <c r="VXV25" s="61"/>
      <c r="VXW25" s="61"/>
      <c r="VXX25" s="61"/>
      <c r="VXY25" s="61"/>
      <c r="VXZ25" s="62"/>
      <c r="VYA25" s="56"/>
      <c r="VYB25" s="61"/>
      <c r="VYC25" s="61"/>
      <c r="VYD25" s="61"/>
      <c r="VYE25" s="61"/>
      <c r="VYF25" s="62"/>
      <c r="VYG25" s="56"/>
      <c r="VYH25" s="61"/>
      <c r="VYI25" s="61"/>
      <c r="VYJ25" s="61"/>
      <c r="VYK25" s="61"/>
      <c r="VYL25" s="62"/>
      <c r="VYM25" s="56"/>
      <c r="VYN25" s="61"/>
      <c r="VYO25" s="61"/>
      <c r="VYP25" s="61"/>
      <c r="VYQ25" s="61"/>
      <c r="VYR25" s="62"/>
      <c r="VYS25" s="56"/>
      <c r="VYT25" s="61"/>
      <c r="VYU25" s="61"/>
      <c r="VYV25" s="61"/>
      <c r="VYW25" s="61"/>
      <c r="VYX25" s="62"/>
      <c r="VYY25" s="56"/>
      <c r="VYZ25" s="61"/>
      <c r="VZA25" s="61"/>
      <c r="VZB25" s="61"/>
      <c r="VZC25" s="61"/>
      <c r="VZD25" s="62"/>
      <c r="VZE25" s="56"/>
      <c r="VZF25" s="61"/>
      <c r="VZG25" s="61"/>
      <c r="VZH25" s="61"/>
      <c r="VZI25" s="61"/>
      <c r="VZJ25" s="62"/>
      <c r="VZK25" s="56"/>
      <c r="VZL25" s="61"/>
      <c r="VZM25" s="61"/>
      <c r="VZN25" s="61"/>
      <c r="VZO25" s="61"/>
      <c r="VZP25" s="62"/>
      <c r="VZQ25" s="56"/>
      <c r="VZR25" s="61"/>
      <c r="VZS25" s="61"/>
      <c r="VZT25" s="61"/>
      <c r="VZU25" s="61"/>
      <c r="VZV25" s="62"/>
      <c r="VZW25" s="56"/>
      <c r="VZX25" s="61"/>
      <c r="VZY25" s="61"/>
      <c r="VZZ25" s="61"/>
      <c r="WAA25" s="61"/>
      <c r="WAB25" s="62"/>
      <c r="WAC25" s="56"/>
      <c r="WAD25" s="61"/>
      <c r="WAE25" s="61"/>
      <c r="WAF25" s="61"/>
      <c r="WAG25" s="61"/>
      <c r="WAH25" s="62"/>
      <c r="WAI25" s="56"/>
      <c r="WAJ25" s="61"/>
      <c r="WAK25" s="61"/>
      <c r="WAL25" s="61"/>
      <c r="WAM25" s="61"/>
      <c r="WAN25" s="62"/>
      <c r="WAO25" s="56"/>
      <c r="WAP25" s="61"/>
      <c r="WAQ25" s="61"/>
      <c r="WAR25" s="61"/>
      <c r="WAS25" s="61"/>
      <c r="WAT25" s="62"/>
      <c r="WAU25" s="56"/>
      <c r="WAV25" s="61"/>
      <c r="WAW25" s="61"/>
      <c r="WAX25" s="61"/>
      <c r="WAY25" s="61"/>
      <c r="WAZ25" s="62"/>
      <c r="WBA25" s="56"/>
      <c r="WBB25" s="61"/>
      <c r="WBC25" s="61"/>
      <c r="WBD25" s="61"/>
      <c r="WBE25" s="61"/>
      <c r="WBF25" s="62"/>
      <c r="WBG25" s="56"/>
      <c r="WBH25" s="61"/>
      <c r="WBI25" s="61"/>
      <c r="WBJ25" s="61"/>
      <c r="WBK25" s="61"/>
      <c r="WBL25" s="62"/>
      <c r="WBM25" s="56"/>
      <c r="WBN25" s="61"/>
      <c r="WBO25" s="61"/>
      <c r="WBP25" s="61"/>
      <c r="WBQ25" s="61"/>
      <c r="WBR25" s="62"/>
      <c r="WBS25" s="56"/>
      <c r="WBT25" s="61"/>
      <c r="WBU25" s="61"/>
      <c r="WBV25" s="61"/>
      <c r="WBW25" s="61"/>
      <c r="WBX25" s="62"/>
      <c r="WBY25" s="56"/>
      <c r="WBZ25" s="61"/>
      <c r="WCA25" s="61"/>
      <c r="WCB25" s="61"/>
      <c r="WCC25" s="61"/>
      <c r="WCD25" s="62"/>
      <c r="WCE25" s="56"/>
      <c r="WCF25" s="61"/>
      <c r="WCG25" s="61"/>
      <c r="WCH25" s="61"/>
      <c r="WCI25" s="61"/>
      <c r="WCJ25" s="62"/>
      <c r="WCK25" s="56"/>
      <c r="WCL25" s="61"/>
      <c r="WCM25" s="61"/>
      <c r="WCN25" s="61"/>
      <c r="WCO25" s="61"/>
      <c r="WCP25" s="62"/>
      <c r="WCQ25" s="56"/>
      <c r="WCR25" s="61"/>
      <c r="WCS25" s="61"/>
      <c r="WCT25" s="61"/>
      <c r="WCU25" s="61"/>
      <c r="WCV25" s="62"/>
      <c r="WCW25" s="56"/>
      <c r="WCX25" s="61"/>
      <c r="WCY25" s="61"/>
      <c r="WCZ25" s="61"/>
      <c r="WDA25" s="61"/>
      <c r="WDB25" s="62"/>
      <c r="WDC25" s="56"/>
      <c r="WDD25" s="61"/>
      <c r="WDE25" s="61"/>
      <c r="WDF25" s="61"/>
      <c r="WDG25" s="61"/>
      <c r="WDH25" s="62"/>
      <c r="WDI25" s="56"/>
      <c r="WDJ25" s="61"/>
      <c r="WDK25" s="61"/>
      <c r="WDL25" s="61"/>
      <c r="WDM25" s="61"/>
      <c r="WDN25" s="62"/>
      <c r="WDO25" s="56"/>
      <c r="WDP25" s="61"/>
      <c r="WDQ25" s="61"/>
      <c r="WDR25" s="61"/>
      <c r="WDS25" s="61"/>
      <c r="WDT25" s="62"/>
      <c r="WDU25" s="56"/>
      <c r="WDV25" s="61"/>
      <c r="WDW25" s="61"/>
      <c r="WDX25" s="61"/>
      <c r="WDY25" s="61"/>
      <c r="WDZ25" s="62"/>
      <c r="WEA25" s="56"/>
      <c r="WEB25" s="61"/>
      <c r="WEC25" s="61"/>
      <c r="WED25" s="61"/>
      <c r="WEE25" s="61"/>
      <c r="WEF25" s="62"/>
      <c r="WEG25" s="56"/>
      <c r="WEH25" s="61"/>
      <c r="WEI25" s="61"/>
      <c r="WEJ25" s="61"/>
      <c r="WEK25" s="61"/>
      <c r="WEL25" s="62"/>
      <c r="WEM25" s="56"/>
      <c r="WEN25" s="61"/>
      <c r="WEO25" s="61"/>
      <c r="WEP25" s="61"/>
      <c r="WEQ25" s="61"/>
      <c r="WER25" s="62"/>
      <c r="WES25" s="56"/>
      <c r="WET25" s="61"/>
      <c r="WEU25" s="61"/>
      <c r="WEV25" s="61"/>
      <c r="WEW25" s="61"/>
      <c r="WEX25" s="62"/>
      <c r="WEY25" s="56"/>
      <c r="WEZ25" s="61"/>
      <c r="WFA25" s="61"/>
      <c r="WFB25" s="61"/>
      <c r="WFC25" s="61"/>
      <c r="WFD25" s="62"/>
      <c r="WFE25" s="56"/>
      <c r="WFF25" s="61"/>
      <c r="WFG25" s="61"/>
      <c r="WFH25" s="61"/>
      <c r="WFI25" s="61"/>
      <c r="WFJ25" s="62"/>
      <c r="WFK25" s="56"/>
      <c r="WFL25" s="61"/>
      <c r="WFM25" s="61"/>
      <c r="WFN25" s="61"/>
      <c r="WFO25" s="61"/>
      <c r="WFP25" s="62"/>
      <c r="WFQ25" s="56"/>
      <c r="WFR25" s="61"/>
      <c r="WFS25" s="61"/>
      <c r="WFT25" s="61"/>
      <c r="WFU25" s="61"/>
      <c r="WFV25" s="62"/>
      <c r="WFW25" s="56"/>
      <c r="WFX25" s="61"/>
      <c r="WFY25" s="61"/>
      <c r="WFZ25" s="61"/>
      <c r="WGA25" s="61"/>
      <c r="WGB25" s="62"/>
      <c r="WGC25" s="56"/>
      <c r="WGD25" s="61"/>
      <c r="WGE25" s="61"/>
      <c r="WGF25" s="61"/>
      <c r="WGG25" s="61"/>
      <c r="WGH25" s="62"/>
      <c r="WGI25" s="56"/>
      <c r="WGJ25" s="61"/>
      <c r="WGK25" s="61"/>
      <c r="WGL25" s="61"/>
      <c r="WGM25" s="61"/>
      <c r="WGN25" s="62"/>
      <c r="WGO25" s="56"/>
      <c r="WGP25" s="61"/>
      <c r="WGQ25" s="61"/>
      <c r="WGR25" s="61"/>
      <c r="WGS25" s="61"/>
      <c r="WGT25" s="62"/>
      <c r="WGU25" s="56"/>
      <c r="WGV25" s="61"/>
      <c r="WGW25" s="61"/>
      <c r="WGX25" s="61"/>
      <c r="WGY25" s="61"/>
      <c r="WGZ25" s="62"/>
      <c r="WHA25" s="56"/>
      <c r="WHB25" s="61"/>
      <c r="WHC25" s="61"/>
      <c r="WHD25" s="61"/>
      <c r="WHE25" s="61"/>
      <c r="WHF25" s="62"/>
      <c r="WHG25" s="56"/>
      <c r="WHH25" s="61"/>
      <c r="WHI25" s="61"/>
      <c r="WHJ25" s="61"/>
      <c r="WHK25" s="61"/>
      <c r="WHL25" s="62"/>
      <c r="WHM25" s="56"/>
      <c r="WHN25" s="61"/>
      <c r="WHO25" s="61"/>
      <c r="WHP25" s="61"/>
      <c r="WHQ25" s="61"/>
      <c r="WHR25" s="62"/>
      <c r="WHS25" s="56"/>
      <c r="WHT25" s="61"/>
      <c r="WHU25" s="61"/>
      <c r="WHV25" s="61"/>
      <c r="WHW25" s="61"/>
      <c r="WHX25" s="62"/>
      <c r="WHY25" s="56"/>
      <c r="WHZ25" s="61"/>
      <c r="WIA25" s="61"/>
      <c r="WIB25" s="61"/>
      <c r="WIC25" s="61"/>
      <c r="WID25" s="62"/>
      <c r="WIE25" s="56"/>
      <c r="WIF25" s="61"/>
      <c r="WIG25" s="61"/>
      <c r="WIH25" s="61"/>
      <c r="WII25" s="61"/>
      <c r="WIJ25" s="62"/>
      <c r="WIK25" s="56"/>
      <c r="WIL25" s="61"/>
      <c r="WIM25" s="61"/>
      <c r="WIN25" s="61"/>
      <c r="WIO25" s="61"/>
      <c r="WIP25" s="62"/>
      <c r="WIQ25" s="56"/>
      <c r="WIR25" s="61"/>
      <c r="WIS25" s="61"/>
      <c r="WIT25" s="61"/>
      <c r="WIU25" s="61"/>
      <c r="WIV25" s="62"/>
      <c r="WIW25" s="56"/>
      <c r="WIX25" s="61"/>
      <c r="WIY25" s="61"/>
      <c r="WIZ25" s="61"/>
      <c r="WJA25" s="61"/>
      <c r="WJB25" s="62"/>
      <c r="WJC25" s="56"/>
      <c r="WJD25" s="61"/>
      <c r="WJE25" s="61"/>
      <c r="WJF25" s="61"/>
      <c r="WJG25" s="61"/>
      <c r="WJH25" s="62"/>
      <c r="WJI25" s="56"/>
      <c r="WJJ25" s="61"/>
      <c r="WJK25" s="61"/>
      <c r="WJL25" s="61"/>
      <c r="WJM25" s="61"/>
      <c r="WJN25" s="62"/>
      <c r="WJO25" s="56"/>
      <c r="WJP25" s="61"/>
      <c r="WJQ25" s="61"/>
      <c r="WJR25" s="61"/>
      <c r="WJS25" s="61"/>
      <c r="WJT25" s="62"/>
      <c r="WJU25" s="56"/>
      <c r="WJV25" s="61"/>
      <c r="WJW25" s="61"/>
      <c r="WJX25" s="61"/>
      <c r="WJY25" s="61"/>
      <c r="WJZ25" s="62"/>
      <c r="WKA25" s="56"/>
      <c r="WKB25" s="61"/>
      <c r="WKC25" s="61"/>
      <c r="WKD25" s="61"/>
      <c r="WKE25" s="61"/>
      <c r="WKF25" s="62"/>
      <c r="WKG25" s="56"/>
      <c r="WKH25" s="61"/>
      <c r="WKI25" s="61"/>
      <c r="WKJ25" s="61"/>
      <c r="WKK25" s="61"/>
      <c r="WKL25" s="62"/>
      <c r="WKM25" s="56"/>
      <c r="WKN25" s="61"/>
      <c r="WKO25" s="61"/>
      <c r="WKP25" s="61"/>
      <c r="WKQ25" s="61"/>
      <c r="WKR25" s="62"/>
      <c r="WKS25" s="56"/>
      <c r="WKT25" s="61"/>
      <c r="WKU25" s="61"/>
      <c r="WKV25" s="61"/>
      <c r="WKW25" s="61"/>
      <c r="WKX25" s="62"/>
      <c r="WKY25" s="56"/>
      <c r="WKZ25" s="61"/>
      <c r="WLA25" s="61"/>
      <c r="WLB25" s="61"/>
      <c r="WLC25" s="61"/>
      <c r="WLD25" s="62"/>
      <c r="WLE25" s="56"/>
      <c r="WLF25" s="61"/>
      <c r="WLG25" s="61"/>
      <c r="WLH25" s="61"/>
      <c r="WLI25" s="61"/>
      <c r="WLJ25" s="62"/>
      <c r="WLK25" s="56"/>
      <c r="WLL25" s="61"/>
      <c r="WLM25" s="61"/>
      <c r="WLN25" s="61"/>
      <c r="WLO25" s="61"/>
      <c r="WLP25" s="62"/>
      <c r="WLQ25" s="56"/>
      <c r="WLR25" s="61"/>
      <c r="WLS25" s="61"/>
      <c r="WLT25" s="61"/>
      <c r="WLU25" s="61"/>
      <c r="WLV25" s="62"/>
      <c r="WLW25" s="56"/>
      <c r="WLX25" s="61"/>
      <c r="WLY25" s="61"/>
      <c r="WLZ25" s="61"/>
      <c r="WMA25" s="61"/>
      <c r="WMB25" s="62"/>
      <c r="WMC25" s="56"/>
      <c r="WMD25" s="61"/>
      <c r="WME25" s="61"/>
      <c r="WMF25" s="61"/>
      <c r="WMG25" s="61"/>
      <c r="WMH25" s="62"/>
      <c r="WMI25" s="56"/>
      <c r="WMJ25" s="61"/>
      <c r="WMK25" s="61"/>
      <c r="WML25" s="61"/>
      <c r="WMM25" s="61"/>
      <c r="WMN25" s="62"/>
      <c r="WMO25" s="56"/>
      <c r="WMP25" s="61"/>
      <c r="WMQ25" s="61"/>
      <c r="WMR25" s="61"/>
      <c r="WMS25" s="61"/>
      <c r="WMT25" s="62"/>
      <c r="WMU25" s="56"/>
      <c r="WMV25" s="61"/>
      <c r="WMW25" s="61"/>
      <c r="WMX25" s="61"/>
      <c r="WMY25" s="61"/>
      <c r="WMZ25" s="62"/>
      <c r="WNA25" s="56"/>
      <c r="WNB25" s="61"/>
      <c r="WNC25" s="61"/>
      <c r="WND25" s="61"/>
      <c r="WNE25" s="61"/>
      <c r="WNF25" s="62"/>
      <c r="WNG25" s="56"/>
      <c r="WNH25" s="61"/>
      <c r="WNI25" s="61"/>
      <c r="WNJ25" s="61"/>
      <c r="WNK25" s="61"/>
      <c r="WNL25" s="62"/>
      <c r="WNM25" s="56"/>
      <c r="WNN25" s="61"/>
      <c r="WNO25" s="61"/>
      <c r="WNP25" s="61"/>
      <c r="WNQ25" s="61"/>
      <c r="WNR25" s="62"/>
      <c r="WNS25" s="56"/>
      <c r="WNT25" s="61"/>
      <c r="WNU25" s="61"/>
      <c r="WNV25" s="61"/>
      <c r="WNW25" s="61"/>
      <c r="WNX25" s="62"/>
      <c r="WNY25" s="56"/>
      <c r="WNZ25" s="61"/>
      <c r="WOA25" s="61"/>
      <c r="WOB25" s="61"/>
      <c r="WOC25" s="61"/>
      <c r="WOD25" s="62"/>
      <c r="WOE25" s="56"/>
      <c r="WOF25" s="61"/>
      <c r="WOG25" s="61"/>
      <c r="WOH25" s="61"/>
      <c r="WOI25" s="61"/>
      <c r="WOJ25" s="62"/>
      <c r="WOK25" s="56"/>
      <c r="WOL25" s="61"/>
      <c r="WOM25" s="61"/>
      <c r="WON25" s="61"/>
      <c r="WOO25" s="61"/>
      <c r="WOP25" s="62"/>
      <c r="WOQ25" s="56"/>
      <c r="WOR25" s="61"/>
      <c r="WOS25" s="61"/>
      <c r="WOT25" s="61"/>
      <c r="WOU25" s="61"/>
      <c r="WOV25" s="62"/>
      <c r="WOW25" s="56"/>
      <c r="WOX25" s="61"/>
      <c r="WOY25" s="61"/>
      <c r="WOZ25" s="61"/>
      <c r="WPA25" s="61"/>
      <c r="WPB25" s="62"/>
      <c r="WPC25" s="56"/>
      <c r="WPD25" s="61"/>
      <c r="WPE25" s="61"/>
      <c r="WPF25" s="61"/>
      <c r="WPG25" s="61"/>
      <c r="WPH25" s="62"/>
      <c r="WPI25" s="56"/>
      <c r="WPJ25" s="61"/>
      <c r="WPK25" s="61"/>
      <c r="WPL25" s="61"/>
      <c r="WPM25" s="61"/>
      <c r="WPN25" s="62"/>
      <c r="WPO25" s="56"/>
      <c r="WPP25" s="61"/>
      <c r="WPQ25" s="61"/>
      <c r="WPR25" s="61"/>
      <c r="WPS25" s="61"/>
      <c r="WPT25" s="62"/>
      <c r="WPU25" s="56"/>
      <c r="WPV25" s="61"/>
      <c r="WPW25" s="61"/>
      <c r="WPX25" s="61"/>
      <c r="WPY25" s="61"/>
      <c r="WPZ25" s="62"/>
      <c r="WQA25" s="56"/>
      <c r="WQB25" s="61"/>
      <c r="WQC25" s="61"/>
      <c r="WQD25" s="61"/>
      <c r="WQE25" s="61"/>
      <c r="WQF25" s="62"/>
      <c r="WQG25" s="56"/>
      <c r="WQH25" s="61"/>
      <c r="WQI25" s="61"/>
      <c r="WQJ25" s="61"/>
      <c r="WQK25" s="61"/>
      <c r="WQL25" s="62"/>
      <c r="WQM25" s="56"/>
      <c r="WQN25" s="61"/>
      <c r="WQO25" s="61"/>
      <c r="WQP25" s="61"/>
      <c r="WQQ25" s="61"/>
      <c r="WQR25" s="62"/>
      <c r="WQS25" s="56"/>
      <c r="WQT25" s="61"/>
      <c r="WQU25" s="61"/>
      <c r="WQV25" s="61"/>
      <c r="WQW25" s="61"/>
      <c r="WQX25" s="62"/>
      <c r="WQY25" s="56"/>
      <c r="WQZ25" s="61"/>
      <c r="WRA25" s="61"/>
      <c r="WRB25" s="61"/>
      <c r="WRC25" s="61"/>
      <c r="WRD25" s="62"/>
      <c r="WRE25" s="56"/>
      <c r="WRF25" s="61"/>
      <c r="WRG25" s="61"/>
      <c r="WRH25" s="61"/>
      <c r="WRI25" s="61"/>
      <c r="WRJ25" s="62"/>
      <c r="WRK25" s="56"/>
      <c r="WRL25" s="61"/>
      <c r="WRM25" s="61"/>
      <c r="WRN25" s="61"/>
      <c r="WRO25" s="61"/>
      <c r="WRP25" s="62"/>
      <c r="WRQ25" s="56"/>
      <c r="WRR25" s="61"/>
      <c r="WRS25" s="61"/>
      <c r="WRT25" s="61"/>
      <c r="WRU25" s="61"/>
      <c r="WRV25" s="62"/>
      <c r="WRW25" s="56"/>
      <c r="WRX25" s="61"/>
      <c r="WRY25" s="61"/>
      <c r="WRZ25" s="61"/>
      <c r="WSA25" s="61"/>
      <c r="WSB25" s="62"/>
      <c r="WSC25" s="56"/>
      <c r="WSD25" s="61"/>
      <c r="WSE25" s="61"/>
      <c r="WSF25" s="61"/>
      <c r="WSG25" s="61"/>
      <c r="WSH25" s="62"/>
      <c r="WSI25" s="56"/>
      <c r="WSJ25" s="61"/>
      <c r="WSK25" s="61"/>
      <c r="WSL25" s="61"/>
      <c r="WSM25" s="61"/>
      <c r="WSN25" s="62"/>
      <c r="WSO25" s="56"/>
      <c r="WSP25" s="61"/>
      <c r="WSQ25" s="61"/>
      <c r="WSR25" s="61"/>
      <c r="WSS25" s="61"/>
      <c r="WST25" s="62"/>
      <c r="WSU25" s="56"/>
      <c r="WSV25" s="61"/>
      <c r="WSW25" s="61"/>
      <c r="WSX25" s="61"/>
      <c r="WSY25" s="61"/>
      <c r="WSZ25" s="62"/>
      <c r="WTA25" s="56"/>
      <c r="WTB25" s="61"/>
      <c r="WTC25" s="61"/>
      <c r="WTD25" s="61"/>
      <c r="WTE25" s="61"/>
      <c r="WTF25" s="62"/>
      <c r="WTG25" s="56"/>
      <c r="WTH25" s="61"/>
      <c r="WTI25" s="61"/>
      <c r="WTJ25" s="61"/>
      <c r="WTK25" s="61"/>
      <c r="WTL25" s="62"/>
      <c r="WTM25" s="56"/>
      <c r="WTN25" s="61"/>
      <c r="WTO25" s="61"/>
      <c r="WTP25" s="61"/>
      <c r="WTQ25" s="61"/>
      <c r="WTR25" s="62"/>
      <c r="WTS25" s="56"/>
      <c r="WTT25" s="61"/>
      <c r="WTU25" s="61"/>
      <c r="WTV25" s="61"/>
      <c r="WTW25" s="61"/>
      <c r="WTX25" s="62"/>
      <c r="WTY25" s="56"/>
      <c r="WTZ25" s="61"/>
      <c r="WUA25" s="61"/>
      <c r="WUB25" s="61"/>
      <c r="WUC25" s="61"/>
      <c r="WUD25" s="62"/>
      <c r="WUE25" s="56"/>
      <c r="WUF25" s="61"/>
      <c r="WUG25" s="61"/>
      <c r="WUH25" s="61"/>
      <c r="WUI25" s="61"/>
      <c r="WUJ25" s="62"/>
      <c r="WUK25" s="56"/>
      <c r="WUL25" s="61"/>
      <c r="WUM25" s="61"/>
      <c r="WUN25" s="61"/>
      <c r="WUO25" s="61"/>
      <c r="WUP25" s="62"/>
      <c r="WUQ25" s="56"/>
      <c r="WUR25" s="61"/>
      <c r="WUS25" s="61"/>
      <c r="WUT25" s="61"/>
      <c r="WUU25" s="61"/>
      <c r="WUV25" s="62"/>
      <c r="WUW25" s="56"/>
      <c r="WUX25" s="61"/>
      <c r="WUY25" s="61"/>
      <c r="WUZ25" s="61"/>
      <c r="WVA25" s="61"/>
      <c r="WVB25" s="62"/>
      <c r="WVC25" s="56"/>
      <c r="WVD25" s="61"/>
      <c r="WVE25" s="61"/>
      <c r="WVF25" s="61"/>
      <c r="WVG25" s="61"/>
      <c r="WVH25" s="62"/>
      <c r="WVI25" s="56"/>
      <c r="WVJ25" s="61"/>
      <c r="WVK25" s="61"/>
      <c r="WVL25" s="61"/>
      <c r="WVM25" s="61"/>
      <c r="WVN25" s="62"/>
      <c r="WVO25" s="56"/>
      <c r="WVP25" s="61"/>
      <c r="WVQ25" s="61"/>
      <c r="WVR25" s="61"/>
      <c r="WVS25" s="61"/>
      <c r="WVT25" s="62"/>
      <c r="WVU25" s="56"/>
      <c r="WVV25" s="61"/>
      <c r="WVW25" s="61"/>
      <c r="WVX25" s="61"/>
      <c r="WVY25" s="61"/>
      <c r="WVZ25" s="62"/>
      <c r="WWA25" s="56"/>
      <c r="WWB25" s="61"/>
      <c r="WWC25" s="61"/>
      <c r="WWD25" s="61"/>
      <c r="WWE25" s="61"/>
      <c r="WWF25" s="62"/>
      <c r="WWG25" s="56"/>
      <c r="WWH25" s="61"/>
      <c r="WWI25" s="61"/>
      <c r="WWJ25" s="61"/>
      <c r="WWK25" s="61"/>
      <c r="WWL25" s="62"/>
      <c r="WWM25" s="56"/>
      <c r="WWN25" s="61"/>
      <c r="WWO25" s="61"/>
      <c r="WWP25" s="61"/>
      <c r="WWQ25" s="61"/>
      <c r="WWR25" s="62"/>
      <c r="WWS25" s="56"/>
      <c r="WWT25" s="61"/>
      <c r="WWU25" s="61"/>
      <c r="WWV25" s="61"/>
      <c r="WWW25" s="61"/>
      <c r="WWX25" s="62"/>
      <c r="WWY25" s="56"/>
      <c r="WWZ25" s="61"/>
      <c r="WXA25" s="61"/>
      <c r="WXB25" s="61"/>
      <c r="WXC25" s="61"/>
      <c r="WXD25" s="62"/>
      <c r="WXE25" s="56"/>
      <c r="WXF25" s="61"/>
      <c r="WXG25" s="61"/>
      <c r="WXH25" s="61"/>
      <c r="WXI25" s="61"/>
      <c r="WXJ25" s="62"/>
      <c r="WXK25" s="56"/>
      <c r="WXL25" s="61"/>
      <c r="WXM25" s="61"/>
      <c r="WXN25" s="61"/>
      <c r="WXO25" s="61"/>
      <c r="WXP25" s="62"/>
      <c r="WXQ25" s="56"/>
      <c r="WXR25" s="61"/>
      <c r="WXS25" s="61"/>
      <c r="WXT25" s="61"/>
      <c r="WXU25" s="61"/>
      <c r="WXV25" s="62"/>
      <c r="WXW25" s="56"/>
      <c r="WXX25" s="61"/>
      <c r="WXY25" s="61"/>
      <c r="WXZ25" s="61"/>
      <c r="WYA25" s="61"/>
      <c r="WYB25" s="62"/>
      <c r="WYC25" s="56"/>
      <c r="WYD25" s="61"/>
      <c r="WYE25" s="61"/>
      <c r="WYF25" s="61"/>
      <c r="WYG25" s="61"/>
      <c r="WYH25" s="62"/>
      <c r="WYI25" s="56"/>
      <c r="WYJ25" s="61"/>
      <c r="WYK25" s="61"/>
      <c r="WYL25" s="61"/>
      <c r="WYM25" s="61"/>
      <c r="WYN25" s="62"/>
      <c r="WYO25" s="56"/>
      <c r="WYP25" s="61"/>
      <c r="WYQ25" s="61"/>
      <c r="WYR25" s="61"/>
      <c r="WYS25" s="61"/>
      <c r="WYT25" s="62"/>
      <c r="WYU25" s="56"/>
      <c r="WYV25" s="61"/>
      <c r="WYW25" s="61"/>
      <c r="WYX25" s="61"/>
      <c r="WYY25" s="61"/>
      <c r="WYZ25" s="62"/>
      <c r="WZA25" s="56"/>
      <c r="WZB25" s="61"/>
      <c r="WZC25" s="61"/>
      <c r="WZD25" s="61"/>
      <c r="WZE25" s="61"/>
      <c r="WZF25" s="62"/>
      <c r="WZG25" s="56"/>
      <c r="WZH25" s="61"/>
      <c r="WZI25" s="61"/>
      <c r="WZJ25" s="61"/>
      <c r="WZK25" s="61"/>
      <c r="WZL25" s="62"/>
      <c r="WZM25" s="56"/>
      <c r="WZN25" s="61"/>
      <c r="WZO25" s="61"/>
      <c r="WZP25" s="61"/>
      <c r="WZQ25" s="61"/>
      <c r="WZR25" s="62"/>
      <c r="WZS25" s="56"/>
      <c r="WZT25" s="61"/>
      <c r="WZU25" s="61"/>
      <c r="WZV25" s="61"/>
      <c r="WZW25" s="61"/>
      <c r="WZX25" s="62"/>
      <c r="WZY25" s="56"/>
      <c r="WZZ25" s="61"/>
      <c r="XAA25" s="61"/>
      <c r="XAB25" s="61"/>
      <c r="XAC25" s="61"/>
      <c r="XAD25" s="62"/>
      <c r="XAE25" s="56"/>
      <c r="XAF25" s="61"/>
      <c r="XAG25" s="61"/>
      <c r="XAH25" s="61"/>
      <c r="XAI25" s="61"/>
      <c r="XAJ25" s="62"/>
      <c r="XAK25" s="56"/>
      <c r="XAL25" s="61"/>
      <c r="XAM25" s="61"/>
      <c r="XAN25" s="61"/>
      <c r="XAO25" s="61"/>
      <c r="XAP25" s="62"/>
      <c r="XAQ25" s="56"/>
      <c r="XAR25" s="61"/>
      <c r="XAS25" s="61"/>
      <c r="XAT25" s="61"/>
      <c r="XAU25" s="61"/>
      <c r="XAV25" s="62"/>
      <c r="XAW25" s="56"/>
      <c r="XAX25" s="61"/>
      <c r="XAY25" s="61"/>
      <c r="XAZ25" s="61"/>
      <c r="XBA25" s="61"/>
      <c r="XBB25" s="62"/>
      <c r="XBC25" s="56"/>
      <c r="XBD25" s="61"/>
      <c r="XBE25" s="61"/>
      <c r="XBF25" s="61"/>
      <c r="XBG25" s="61"/>
      <c r="XBH25" s="62"/>
      <c r="XBI25" s="56"/>
      <c r="XBJ25" s="61"/>
      <c r="XBK25" s="61"/>
      <c r="XBL25" s="61"/>
      <c r="XBM25" s="61"/>
      <c r="XBN25" s="62"/>
      <c r="XBO25" s="56"/>
      <c r="XBP25" s="61"/>
      <c r="XBQ25" s="61"/>
      <c r="XBR25" s="61"/>
      <c r="XBS25" s="61"/>
      <c r="XBT25" s="62"/>
      <c r="XBU25" s="56"/>
      <c r="XBV25" s="61"/>
      <c r="XBW25" s="61"/>
      <c r="XBX25" s="61"/>
      <c r="XBY25" s="61"/>
      <c r="XBZ25" s="62"/>
      <c r="XCA25" s="56"/>
      <c r="XCB25" s="61"/>
      <c r="XCC25" s="61"/>
      <c r="XCD25" s="61"/>
      <c r="XCE25" s="61"/>
      <c r="XCF25" s="62"/>
      <c r="XCG25" s="56"/>
      <c r="XCH25" s="61"/>
      <c r="XCI25" s="61"/>
      <c r="XCJ25" s="61"/>
      <c r="XCK25" s="61"/>
      <c r="XCL25" s="62"/>
      <c r="XCM25" s="56"/>
      <c r="XCN25" s="61"/>
      <c r="XCO25" s="61"/>
      <c r="XCP25" s="61"/>
      <c r="XCQ25" s="61"/>
      <c r="XCR25" s="62"/>
      <c r="XCS25" s="56"/>
      <c r="XCT25" s="61"/>
      <c r="XCU25" s="61"/>
      <c r="XCV25" s="61"/>
      <c r="XCW25" s="61"/>
      <c r="XCX25" s="62"/>
      <c r="XCY25" s="56"/>
      <c r="XCZ25" s="61"/>
      <c r="XDA25" s="61"/>
      <c r="XDB25" s="61"/>
      <c r="XDC25" s="61"/>
      <c r="XDD25" s="62"/>
      <c r="XDE25" s="56"/>
      <c r="XDF25" s="61"/>
      <c r="XDG25" s="61"/>
      <c r="XDH25" s="61"/>
      <c r="XDI25" s="61"/>
      <c r="XDJ25" s="62"/>
      <c r="XDK25" s="56"/>
      <c r="XDL25" s="61"/>
      <c r="XDM25" s="61"/>
      <c r="XDN25" s="61"/>
      <c r="XDO25" s="61"/>
      <c r="XDP25" s="62"/>
      <c r="XDQ25" s="56"/>
      <c r="XDR25" s="61"/>
      <c r="XDS25" s="61"/>
      <c r="XDT25" s="61"/>
      <c r="XDU25" s="61"/>
      <c r="XDV25" s="62"/>
      <c r="XDW25" s="56"/>
      <c r="XDX25" s="61"/>
      <c r="XDY25" s="61"/>
      <c r="XDZ25" s="61"/>
      <c r="XEA25" s="61"/>
      <c r="XEB25" s="62"/>
      <c r="XEC25" s="56"/>
      <c r="XED25" s="61"/>
      <c r="XEE25" s="61"/>
      <c r="XEF25" s="61"/>
      <c r="XEG25" s="61"/>
      <c r="XEH25" s="62"/>
      <c r="XEI25" s="56"/>
      <c r="XEJ25" s="61"/>
      <c r="XEK25" s="61"/>
      <c r="XEL25" s="61"/>
      <c r="XEM25" s="61"/>
      <c r="XEN25" s="62"/>
      <c r="XEO25" s="56"/>
      <c r="XEP25" s="61"/>
      <c r="XEQ25" s="61"/>
      <c r="XER25" s="61"/>
      <c r="XES25" s="61"/>
      <c r="XET25" s="62"/>
      <c r="XEU25" s="56"/>
      <c r="XEV25" s="61"/>
      <c r="XEW25" s="61"/>
      <c r="XEX25" s="61"/>
      <c r="XEY25" s="61"/>
      <c r="XEZ25" s="62"/>
      <c r="XFA25" s="56"/>
      <c r="XFB25" s="61"/>
      <c r="XFC25" s="61"/>
      <c r="XFD25" s="61"/>
    </row>
    <row r="26" spans="1:16384">
      <c r="B26" s="58" t="s">
        <v>157</v>
      </c>
      <c r="C26" s="63">
        <v>15676.9</v>
      </c>
      <c r="D26" s="63">
        <v>15793</v>
      </c>
      <c r="E26" s="63">
        <v>15503</v>
      </c>
      <c r="F26" s="63">
        <v>14747</v>
      </c>
      <c r="G26" s="64">
        <v>1254.2</v>
      </c>
    </row>
    <row r="27" spans="1:16384">
      <c r="B27" s="12" t="s">
        <v>158</v>
      </c>
      <c r="C27" s="13">
        <v>614619.1</v>
      </c>
      <c r="D27" s="13">
        <v>616523</v>
      </c>
      <c r="E27" s="13">
        <v>610047</v>
      </c>
      <c r="F27" s="13">
        <v>609959</v>
      </c>
      <c r="G27" s="13">
        <v>49169.5</v>
      </c>
    </row>
    <row r="28" spans="1:16384">
      <c r="B28" s="14"/>
      <c r="C28" s="15"/>
      <c r="D28" s="15"/>
      <c r="E28" s="15"/>
      <c r="F28" s="15"/>
      <c r="G28" s="14"/>
    </row>
    <row r="29" spans="1:16384">
      <c r="B29" s="14"/>
      <c r="C29" s="15"/>
      <c r="D29" s="15"/>
      <c r="E29" s="15"/>
      <c r="F29" s="15"/>
      <c r="G29" s="15"/>
      <c r="H29" s="15"/>
    </row>
    <row r="30" spans="1:16384">
      <c r="B30" s="14"/>
      <c r="C30" s="15"/>
    </row>
    <row r="31" spans="1:16384">
      <c r="B31" s="14"/>
      <c r="C31" s="15"/>
      <c r="D31" s="11"/>
    </row>
  </sheetData>
  <mergeCells count="1">
    <mergeCell ref="C5:F5"/>
  </mergeCells>
  <pageMargins left="0.70866141732283472" right="0.70866141732283472" top="0.74803149606299213" bottom="0.74803149606299213" header="0.31496062992125984" footer="0.31496062992125984"/>
  <pageSetup paperSize="9" scale="63" orientation="portrait"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2</vt:i4>
      </vt:variant>
    </vt:vector>
  </HeadingPairs>
  <TitlesOfParts>
    <vt:vector size="2" baseType="lpstr">
      <vt:lpstr>Transitional own funds</vt:lpstr>
      <vt:lpstr>Overview of RWAs</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lsson, Kenneth</dc:creator>
  <cp:lastModifiedBy>Schenkenberg, Malin</cp:lastModifiedBy>
  <cp:lastPrinted>2017-10-16T13:26:49Z</cp:lastPrinted>
  <dcterms:created xsi:type="dcterms:W3CDTF">2011-11-24T12:28:29Z</dcterms:created>
  <dcterms:modified xsi:type="dcterms:W3CDTF">2017-10-18T10:15:19Z</dcterms:modified>
</cp:coreProperties>
</file>